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2年度分\☆HP原稿\02_項目別（統計以降）（Excel）\01_統計\"/>
    </mc:Choice>
  </mc:AlternateContent>
  <bookViews>
    <workbookView xWindow="10308" yWindow="-12" windowWidth="10236" windowHeight="8328" tabRatio="606"/>
  </bookViews>
  <sheets>
    <sheet name="第13表" sheetId="14" r:id="rId1"/>
    <sheet name="第14表" sheetId="18" r:id="rId2"/>
    <sheet name="第15表１～５" sheetId="19" r:id="rId3"/>
    <sheet name="第15表６～８" sheetId="25" r:id="rId4"/>
    <sheet name="第15表9～11" sheetId="24" r:id="rId5"/>
    <sheet name="第16表１～４" sheetId="20" r:id="rId6"/>
    <sheet name="第1７表" sheetId="21" r:id="rId7"/>
    <sheet name="第18表" sheetId="22" r:id="rId8"/>
    <sheet name="第19表" sheetId="23" r:id="rId9"/>
  </sheets>
  <externalReferences>
    <externalReference r:id="rId10"/>
  </externalReferences>
  <definedNames>
    <definedName name="__123Graph_A" hidden="1">第13表!#REF!</definedName>
    <definedName name="__123Graph_B" hidden="1">第13表!#REF!</definedName>
    <definedName name="__123Graph_C" hidden="1">第13表!#REF!</definedName>
    <definedName name="__123Graph_D" hidden="1">第13表!#REF!</definedName>
    <definedName name="__123Graph_E" hidden="1">第13表!#REF!</definedName>
    <definedName name="__123Graph_F" hidden="1">第13表!$P$18:$P$28</definedName>
    <definedName name="_Fill" localSheetId="1" hidden="1">第14表!#REF!</definedName>
    <definedName name="_Fill" localSheetId="3" hidden="1">#REF!</definedName>
    <definedName name="_Fill" localSheetId="4" hidden="1">#REF!</definedName>
    <definedName name="_Fill" hidden="1">#REF!</definedName>
    <definedName name="_xlnm._FilterDatabase" localSheetId="1" hidden="1">第14表!$A$6:$M$58</definedName>
    <definedName name="_Key1" localSheetId="1" hidden="1">第14表!#REF!</definedName>
    <definedName name="_Key1" localSheetId="2" hidden="1">#REF!</definedName>
    <definedName name="_Key1" localSheetId="3" hidden="1">#REF!</definedName>
    <definedName name="_Key1" localSheetId="4" hidden="1">#REF!</definedName>
    <definedName name="_Key1" localSheetId="5" hidden="1">#REF!</definedName>
    <definedName name="_Key1" hidden="1">#REF!</definedName>
    <definedName name="_Order1" hidden="1">0</definedName>
    <definedName name="_Regression_Int" localSheetId="0" hidden="1">1</definedName>
    <definedName name="_Regression_Int" localSheetId="1" hidden="1">1</definedName>
    <definedName name="\a" localSheetId="1">第14表!#REF!</definedName>
    <definedName name="\a" localSheetId="3">#REF!</definedName>
    <definedName name="\a" localSheetId="4">#REF!</definedName>
    <definedName name="\a">第13表!#REF!</definedName>
    <definedName name="\b" localSheetId="1">第14表!#REF!</definedName>
    <definedName name="\b" localSheetId="2">#REF!</definedName>
    <definedName name="\b" localSheetId="3">#REF!</definedName>
    <definedName name="\b" localSheetId="4">#REF!</definedName>
    <definedName name="\b" localSheetId="5">#REF!</definedName>
    <definedName name="\b">#REF!</definedName>
    <definedName name="_xlnm.Print_Area" localSheetId="0">第13表!$A$1:$CD$48</definedName>
    <definedName name="_xlnm.Print_Area" localSheetId="1">第14表!$A$1:$M$56</definedName>
    <definedName name="_xlnm.Print_Area" localSheetId="2">'第15表１～５'!$A$1:$BW$49</definedName>
    <definedName name="_xlnm.Print_Area" localSheetId="3">'第15表６～８'!$A$1:$AQ$49</definedName>
    <definedName name="_xlnm.Print_Area" localSheetId="4">'第15表9～11'!$A$1:$AQ$49</definedName>
    <definedName name="_xlnm.Print_Area" localSheetId="5">'第16表１～４'!$A$1:$BI$49</definedName>
    <definedName name="_xlnm.Print_Area" localSheetId="6">第1７表!$A$1:$F$46</definedName>
    <definedName name="_xlnm.Print_Area" localSheetId="7">第18表!$A$1:$J$49</definedName>
    <definedName name="_xlnm.Print_Area" localSheetId="8">第19表!$A$1:$L$47</definedName>
    <definedName name="Print_Area_MI" localSheetId="0">第13表!$AT$3:$AX$32</definedName>
    <definedName name="Print_Area_MI" localSheetId="1">第14表!$A$1:$M$54</definedName>
    <definedName name="_xlnm.Print_Titles" localSheetId="7">第18表!$A:$B</definedName>
    <definedName name="_xlnm.Print_Titles" localSheetId="8">第19表!$A:$B</definedName>
    <definedName name="Print_Titles_MI" localSheetId="0">第13表!$A:$A</definedName>
    <definedName name="あ" hidden="1">#REF!</definedName>
    <definedName name="デｰタ消去">[1]!デｰタ消去</definedName>
    <definedName name="第14表">#REF!</definedName>
  </definedNames>
  <calcPr calcId="152511"/>
</workbook>
</file>

<file path=xl/comments1.xml><?xml version="1.0" encoding="utf-8"?>
<comments xmlns="http://schemas.openxmlformats.org/spreadsheetml/2006/main">
  <authors>
    <author>user</author>
  </authors>
  <commentList>
    <comment ref="E6" authorId="0" shapeId="0">
      <text>
        <r>
          <rPr>
            <sz val="9"/>
            <color indexed="81"/>
            <rFont val="ＭＳ Ｐゴシック"/>
            <family val="3"/>
            <charset val="128"/>
          </rPr>
          <t xml:space="preserve">対象者0人のところは、0標記
</t>
        </r>
      </text>
    </comment>
  </commentList>
</comments>
</file>

<file path=xl/sharedStrings.xml><?xml version="1.0" encoding="utf-8"?>
<sst xmlns="http://schemas.openxmlformats.org/spreadsheetml/2006/main" count="2375" uniqueCount="540">
  <si>
    <t>費用額</t>
  </si>
  <si>
    <t>その他</t>
  </si>
  <si>
    <t>計</t>
  </si>
  <si>
    <t>年度別</t>
  </si>
  <si>
    <t xml:space="preserve">療     養     費     </t>
  </si>
  <si>
    <t>月  別</t>
  </si>
  <si>
    <t>他 法 負 担 分</t>
  </si>
  <si>
    <t xml:space="preserve"> </t>
  </si>
  <si>
    <t>日数 (日)</t>
  </si>
  <si>
    <t>費用額(千円)</t>
  </si>
  <si>
    <t>-</t>
  </si>
  <si>
    <t>育 児 手 当</t>
  </si>
  <si>
    <t>葬 祭 手 当</t>
  </si>
  <si>
    <t>処方枚数</t>
  </si>
  <si>
    <t>歯科</t>
  </si>
  <si>
    <t>市町村</t>
    <rPh sb="0" eb="3">
      <t>シチョウソン</t>
    </rPh>
    <phoneticPr fontId="4"/>
  </si>
  <si>
    <t>合計</t>
    <rPh sb="0" eb="2">
      <t>ゴウケイ</t>
    </rPh>
    <phoneticPr fontId="4"/>
  </si>
  <si>
    <t>国保組合</t>
    <rPh sb="0" eb="2">
      <t>コクホ</t>
    </rPh>
    <rPh sb="2" eb="4">
      <t>クミアイ</t>
    </rPh>
    <phoneticPr fontId="4"/>
  </si>
  <si>
    <t>３．給付状況</t>
    <rPh sb="2" eb="4">
      <t>キュウフ</t>
    </rPh>
    <rPh sb="4" eb="6">
      <t>ジョウキョウ</t>
    </rPh>
    <phoneticPr fontId="4"/>
  </si>
  <si>
    <t>(金額は千円単位)</t>
    <phoneticPr fontId="4"/>
  </si>
  <si>
    <t xml:space="preserve">件  数 </t>
    <phoneticPr fontId="4"/>
  </si>
  <si>
    <t xml:space="preserve">日  数 </t>
    <phoneticPr fontId="4"/>
  </si>
  <si>
    <t xml:space="preserve">  件  数 (件)</t>
    <phoneticPr fontId="4"/>
  </si>
  <si>
    <t>食事療養・生活療養</t>
    <rPh sb="5" eb="7">
      <t>セイカツ</t>
    </rPh>
    <rPh sb="7" eb="9">
      <t>リョウヨウ</t>
    </rPh>
    <phoneticPr fontId="4"/>
  </si>
  <si>
    <t>調剤</t>
    <rPh sb="0" eb="2">
      <t>チョウザイ</t>
    </rPh>
    <phoneticPr fontId="4"/>
  </si>
  <si>
    <t>アンマ・マッサージ</t>
    <phoneticPr fontId="4"/>
  </si>
  <si>
    <t>ハリ・キュウ</t>
    <phoneticPr fontId="4"/>
  </si>
  <si>
    <t>補　装　具</t>
    <rPh sb="0" eb="1">
      <t>タスク</t>
    </rPh>
    <rPh sb="2" eb="3">
      <t>ソウ</t>
    </rPh>
    <rPh sb="4" eb="5">
      <t>グ</t>
    </rPh>
    <phoneticPr fontId="4"/>
  </si>
  <si>
    <t>柔　道　整　復　師</t>
    <rPh sb="0" eb="1">
      <t>ジュウ</t>
    </rPh>
    <rPh sb="2" eb="3">
      <t>ミチ</t>
    </rPh>
    <rPh sb="4" eb="5">
      <t>タダシ</t>
    </rPh>
    <rPh sb="6" eb="7">
      <t>マタ</t>
    </rPh>
    <rPh sb="8" eb="9">
      <t>シ</t>
    </rPh>
    <phoneticPr fontId="4"/>
  </si>
  <si>
    <t>傷　病　手　当　金</t>
    <rPh sb="0" eb="1">
      <t>キズ</t>
    </rPh>
    <rPh sb="2" eb="3">
      <t>ビョウ</t>
    </rPh>
    <rPh sb="4" eb="5">
      <t>テ</t>
    </rPh>
    <rPh sb="6" eb="7">
      <t>トウ</t>
    </rPh>
    <rPh sb="8" eb="9">
      <t>キン</t>
    </rPh>
    <phoneticPr fontId="4"/>
  </si>
  <si>
    <t>出　産　手　当　金</t>
    <rPh sb="0" eb="1">
      <t>デ</t>
    </rPh>
    <rPh sb="2" eb="3">
      <t>サン</t>
    </rPh>
    <rPh sb="4" eb="5">
      <t>テ</t>
    </rPh>
    <rPh sb="6" eb="7">
      <t>トウ</t>
    </rPh>
    <rPh sb="8" eb="9">
      <t>キン</t>
    </rPh>
    <phoneticPr fontId="4"/>
  </si>
  <si>
    <t>1日当たり医療費・診療費  (円)</t>
    <rPh sb="5" eb="6">
      <t>イ</t>
    </rPh>
    <rPh sb="9" eb="11">
      <t>シンリョウ</t>
    </rPh>
    <rPh sb="11" eb="12">
      <t>ヒ</t>
    </rPh>
    <phoneticPr fontId="4"/>
  </si>
  <si>
    <t>訪問看護</t>
    <phoneticPr fontId="4"/>
  </si>
  <si>
    <t>合計</t>
    <phoneticPr fontId="4"/>
  </si>
  <si>
    <t>移送費</t>
    <phoneticPr fontId="4"/>
  </si>
  <si>
    <t>出産育児一時金</t>
    <phoneticPr fontId="4"/>
  </si>
  <si>
    <t>合計</t>
    <phoneticPr fontId="4"/>
  </si>
  <si>
    <t>入院</t>
    <phoneticPr fontId="4"/>
  </si>
  <si>
    <t>入院外</t>
    <phoneticPr fontId="4"/>
  </si>
  <si>
    <t>歯科</t>
    <phoneticPr fontId="4"/>
  </si>
  <si>
    <t>診療費</t>
    <phoneticPr fontId="4"/>
  </si>
  <si>
    <t>その他</t>
    <phoneticPr fontId="4"/>
  </si>
  <si>
    <t xml:space="preserve">件  数 </t>
    <phoneticPr fontId="4"/>
  </si>
  <si>
    <t>件 数</t>
    <phoneticPr fontId="4"/>
  </si>
  <si>
    <t>件  数</t>
    <phoneticPr fontId="4"/>
  </si>
  <si>
    <t>入院</t>
    <phoneticPr fontId="4"/>
  </si>
  <si>
    <t>入院外</t>
    <phoneticPr fontId="4"/>
  </si>
  <si>
    <t>平成25年度</t>
    <rPh sb="0" eb="2">
      <t>ヘイセイ</t>
    </rPh>
    <rPh sb="4" eb="6">
      <t>ネンド</t>
    </rPh>
    <phoneticPr fontId="4"/>
  </si>
  <si>
    <t>平成26年度</t>
  </si>
  <si>
    <t>平成27年度</t>
  </si>
  <si>
    <t>平成28年度</t>
    <rPh sb="0" eb="2">
      <t>ヘイセイ</t>
    </rPh>
    <rPh sb="4" eb="6">
      <t>ネンド</t>
    </rPh>
    <phoneticPr fontId="4"/>
  </si>
  <si>
    <t>平成28年度</t>
    <rPh sb="0" eb="2">
      <t>ヘイセイ</t>
    </rPh>
    <rPh sb="4" eb="5">
      <t>ネン</t>
    </rPh>
    <rPh sb="5" eb="6">
      <t>ド</t>
    </rPh>
    <phoneticPr fontId="4"/>
  </si>
  <si>
    <t>費用額(千円)</t>
    <phoneticPr fontId="4"/>
  </si>
  <si>
    <t>費用額(千円)</t>
    <phoneticPr fontId="4"/>
  </si>
  <si>
    <t>費用額(千円)</t>
    <phoneticPr fontId="4"/>
  </si>
  <si>
    <t>費用額(千円)</t>
    <phoneticPr fontId="4"/>
  </si>
  <si>
    <t>費用額(千円)</t>
    <rPh sb="0" eb="2">
      <t>ヒヨウ</t>
    </rPh>
    <rPh sb="2" eb="3">
      <t>ガク</t>
    </rPh>
    <phoneticPr fontId="4"/>
  </si>
  <si>
    <t>一部負担金
(千円)</t>
    <phoneticPr fontId="4"/>
  </si>
  <si>
    <t>他方負担分
(千円)</t>
    <rPh sb="0" eb="2">
      <t>タホウ</t>
    </rPh>
    <rPh sb="2" eb="5">
      <t>フタンブン</t>
    </rPh>
    <phoneticPr fontId="4"/>
  </si>
  <si>
    <t>費用額(千円)</t>
    <phoneticPr fontId="4"/>
  </si>
  <si>
    <t>　　　入院の医療費には食事療養・生活療養、入院外の医療費には調剤の医療費をそれぞれ合算しており、訪問看護は、BT63計のみに計上している。（療養費等は医療費に含まない。）</t>
    <phoneticPr fontId="4"/>
  </si>
  <si>
    <t>保険者
負担分
(千円)</t>
    <rPh sb="0" eb="2">
      <t>ホケン</t>
    </rPh>
    <rPh sb="2" eb="3">
      <t>シャ</t>
    </rPh>
    <rPh sb="4" eb="7">
      <t>フタンブン</t>
    </rPh>
    <phoneticPr fontId="4"/>
  </si>
  <si>
    <t>高  額  療  養  費
(再掲)</t>
    <phoneticPr fontId="4"/>
  </si>
  <si>
    <t>高額介護合算療養費
（再掲）</t>
    <rPh sb="0" eb="2">
      <t>コウガク</t>
    </rPh>
    <rPh sb="2" eb="4">
      <t>カイゴ</t>
    </rPh>
    <rPh sb="4" eb="6">
      <t>ガッサン</t>
    </rPh>
    <rPh sb="6" eb="9">
      <t>リョウヨウヒ</t>
    </rPh>
    <rPh sb="11" eb="13">
      <t>サイケイ</t>
    </rPh>
    <phoneticPr fontId="4"/>
  </si>
  <si>
    <t>１件当たり日数</t>
    <phoneticPr fontId="4"/>
  </si>
  <si>
    <t>平成29年度</t>
  </si>
  <si>
    <t>令和元年度</t>
    <rPh sb="0" eb="2">
      <t>レイワ</t>
    </rPh>
    <rPh sb="2" eb="3">
      <t>モト</t>
    </rPh>
    <phoneticPr fontId="4"/>
  </si>
  <si>
    <t>２年 3月</t>
    <phoneticPr fontId="4"/>
  </si>
  <si>
    <t>２年 3月</t>
  </si>
  <si>
    <t>第13表　月別保険給付状況－２</t>
    <phoneticPr fontId="4"/>
  </si>
  <si>
    <t>第13表　月別保険給付状況－３</t>
    <phoneticPr fontId="4"/>
  </si>
  <si>
    <t>第13表　月別保険給付状況－４</t>
    <phoneticPr fontId="4"/>
  </si>
  <si>
    <t>第13表　月別保険給付状況－５</t>
    <phoneticPr fontId="4"/>
  </si>
  <si>
    <t>（注）平成21年度以降は一日当たり医療費である。</t>
    <phoneticPr fontId="4"/>
  </si>
  <si>
    <t>第13表　月別保険給付状況－１</t>
    <phoneticPr fontId="4"/>
  </si>
  <si>
    <t>診　　療　　費</t>
    <phoneticPr fontId="4"/>
  </si>
  <si>
    <t>療養諸費合計
（A＋B）</t>
    <phoneticPr fontId="4"/>
  </si>
  <si>
    <t>保険給付総計
（A＋B＋C）</t>
    <rPh sb="0" eb="1">
      <t>タモツ</t>
    </rPh>
    <rPh sb="1" eb="2">
      <t>ケン</t>
    </rPh>
    <rPh sb="2" eb="3">
      <t>キュウ</t>
    </rPh>
    <rPh sb="3" eb="4">
      <t>ヅケ</t>
    </rPh>
    <rPh sb="4" eb="5">
      <t>フサ</t>
    </rPh>
    <rPh sb="5" eb="6">
      <t>ケイ</t>
    </rPh>
    <phoneticPr fontId="4"/>
  </si>
  <si>
    <t>小    計</t>
    <phoneticPr fontId="4"/>
  </si>
  <si>
    <t xml:space="preserve">療養諸費費用額負担区分 </t>
    <phoneticPr fontId="4"/>
  </si>
  <si>
    <t>療養の給付等　（A）</t>
    <phoneticPr fontId="4"/>
  </si>
  <si>
    <t>療養の給付等　（A）</t>
    <phoneticPr fontId="4"/>
  </si>
  <si>
    <t>療養費等　（B）</t>
    <phoneticPr fontId="4"/>
  </si>
  <si>
    <t>その他の保険給付　（C）</t>
    <phoneticPr fontId="4"/>
  </si>
  <si>
    <t>療養給付諸率</t>
    <phoneticPr fontId="4"/>
  </si>
  <si>
    <t>平成22年度</t>
  </si>
  <si>
    <t>平成23年度</t>
  </si>
  <si>
    <t>平成24年度</t>
  </si>
  <si>
    <t>平成30年度</t>
  </si>
  <si>
    <t>令和２年度</t>
    <rPh sb="0" eb="2">
      <t>レイワ</t>
    </rPh>
    <phoneticPr fontId="4"/>
  </si>
  <si>
    <t>２年 4月</t>
  </si>
  <si>
    <t>２年 4月</t>
    <phoneticPr fontId="4"/>
  </si>
  <si>
    <t>２年 5月</t>
  </si>
  <si>
    <t>２年 5月</t>
    <phoneticPr fontId="4"/>
  </si>
  <si>
    <t>２年 6月</t>
  </si>
  <si>
    <t>２年 6月</t>
    <phoneticPr fontId="4"/>
  </si>
  <si>
    <t>２年 7月</t>
  </si>
  <si>
    <t>２年 7月</t>
    <phoneticPr fontId="4"/>
  </si>
  <si>
    <t>２年 8月</t>
  </si>
  <si>
    <t>２年 8月</t>
    <phoneticPr fontId="4"/>
  </si>
  <si>
    <t>２年 9月</t>
  </si>
  <si>
    <t>２年 9月</t>
    <phoneticPr fontId="4"/>
  </si>
  <si>
    <t>２年 10月</t>
  </si>
  <si>
    <t>２年 10月</t>
    <phoneticPr fontId="4"/>
  </si>
  <si>
    <t>２年 11月</t>
  </si>
  <si>
    <t>２年 11月</t>
    <phoneticPr fontId="4"/>
  </si>
  <si>
    <t>２年 12月</t>
  </si>
  <si>
    <t>２年 12月</t>
    <phoneticPr fontId="4"/>
  </si>
  <si>
    <t>３年 1月</t>
  </si>
  <si>
    <t>３年 1月</t>
    <phoneticPr fontId="4"/>
  </si>
  <si>
    <t>３年 2月</t>
  </si>
  <si>
    <t>３年 2月</t>
    <phoneticPr fontId="4"/>
  </si>
  <si>
    <t>令和２年度</t>
    <rPh sb="0" eb="2">
      <t>レイワ</t>
    </rPh>
    <rPh sb="3" eb="5">
      <t>ネンド</t>
    </rPh>
    <phoneticPr fontId="4"/>
  </si>
  <si>
    <t>３年 3月</t>
    <phoneticPr fontId="4"/>
  </si>
  <si>
    <t xml:space="preserve">件  数 </t>
  </si>
  <si>
    <t xml:space="preserve">件  数 </t>
    <phoneticPr fontId="4"/>
  </si>
  <si>
    <t xml:space="preserve">件  数 </t>
    <phoneticPr fontId="4"/>
  </si>
  <si>
    <t xml:space="preserve">食事療養生活療養件  数 </t>
    <rPh sb="4" eb="6">
      <t>セイカツ</t>
    </rPh>
    <rPh sb="6" eb="8">
      <t>リョウヨウ</t>
    </rPh>
    <phoneticPr fontId="4"/>
  </si>
  <si>
    <t xml:space="preserve">１００人当たり受診件  数 </t>
  </si>
  <si>
    <t xml:space="preserve"> 件  数 (件)</t>
  </si>
  <si>
    <t xml:space="preserve">件  数 </t>
    <phoneticPr fontId="4"/>
  </si>
  <si>
    <t>（注３）　ひとり親一部負担金については、全市町村で所得制限有り</t>
    <rPh sb="1" eb="2">
      <t>チュウ</t>
    </rPh>
    <rPh sb="8" eb="9">
      <t>オヤ</t>
    </rPh>
    <rPh sb="9" eb="11">
      <t>イチブ</t>
    </rPh>
    <rPh sb="11" eb="14">
      <t>フタンキン</t>
    </rPh>
    <rPh sb="20" eb="21">
      <t>ゼン</t>
    </rPh>
    <rPh sb="21" eb="24">
      <t>シチョウソン</t>
    </rPh>
    <rPh sb="25" eb="27">
      <t>ショトク</t>
    </rPh>
    <rPh sb="27" eb="29">
      <t>セイゲン</t>
    </rPh>
    <rPh sb="29" eb="30">
      <t>ア</t>
    </rPh>
    <phoneticPr fontId="4"/>
  </si>
  <si>
    <t>（注２）　「結核」は感染症法第37条、第37条の2。「精神」は精神保健福祉法第29条、29－2、障害者自立支援法第58条適用。</t>
    <rPh sb="1" eb="2">
      <t>チュウ</t>
    </rPh>
    <rPh sb="6" eb="8">
      <t>ケッカク</t>
    </rPh>
    <rPh sb="10" eb="13">
      <t>カンセンショウ</t>
    </rPh>
    <rPh sb="13" eb="14">
      <t>ホウ</t>
    </rPh>
    <rPh sb="14" eb="15">
      <t>ダイ</t>
    </rPh>
    <rPh sb="17" eb="18">
      <t>ジョウ</t>
    </rPh>
    <rPh sb="19" eb="20">
      <t>ダイ</t>
    </rPh>
    <rPh sb="22" eb="23">
      <t>ジョウ</t>
    </rPh>
    <rPh sb="27" eb="29">
      <t>セイシン</t>
    </rPh>
    <rPh sb="31" eb="33">
      <t>セイシン</t>
    </rPh>
    <rPh sb="33" eb="35">
      <t>ホケン</t>
    </rPh>
    <rPh sb="35" eb="37">
      <t>フクシ</t>
    </rPh>
    <rPh sb="37" eb="38">
      <t>ホウ</t>
    </rPh>
    <rPh sb="38" eb="39">
      <t>ダイ</t>
    </rPh>
    <rPh sb="41" eb="42">
      <t>ジョウ</t>
    </rPh>
    <rPh sb="48" eb="51">
      <t>ショウガイシャ</t>
    </rPh>
    <rPh sb="51" eb="53">
      <t>ジリツ</t>
    </rPh>
    <rPh sb="53" eb="55">
      <t>シエン</t>
    </rPh>
    <rPh sb="55" eb="56">
      <t>ホウ</t>
    </rPh>
    <rPh sb="56" eb="57">
      <t>ダイ</t>
    </rPh>
    <rPh sb="59" eb="60">
      <t>ジョウ</t>
    </rPh>
    <rPh sb="60" eb="62">
      <t>テキヨウ</t>
    </rPh>
    <phoneticPr fontId="4"/>
  </si>
  <si>
    <t>令和２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4"/>
  </si>
  <si>
    <t>（注１）　身障１・２級、IQ35以下、身障３級とIQ50以下の合併</t>
    <rPh sb="1" eb="2">
      <t>チュウ</t>
    </rPh>
    <rPh sb="5" eb="7">
      <t>シンショウ</t>
    </rPh>
    <rPh sb="10" eb="11">
      <t>キュウ</t>
    </rPh>
    <rPh sb="16" eb="18">
      <t>イカ</t>
    </rPh>
    <rPh sb="19" eb="21">
      <t>シンショウ</t>
    </rPh>
    <rPh sb="21" eb="23">
      <t>サンキュウ</t>
    </rPh>
    <rPh sb="28" eb="30">
      <t>イカ</t>
    </rPh>
    <rPh sb="31" eb="33">
      <t>ガッペイ</t>
    </rPh>
    <phoneticPr fontId="4"/>
  </si>
  <si>
    <t>組合員80,000円、家族40,000円　（その他）出産手当金：組合員に産前42日産後56日、計98日分支給。4100円/日</t>
    <rPh sb="0" eb="3">
      <t>クミアイイン</t>
    </rPh>
    <rPh sb="9" eb="10">
      <t>エン</t>
    </rPh>
    <rPh sb="11" eb="13">
      <t>カゾク</t>
    </rPh>
    <rPh sb="19" eb="20">
      <t>エン</t>
    </rPh>
    <rPh sb="24" eb="25">
      <t>タ</t>
    </rPh>
    <rPh sb="26" eb="28">
      <t>シュッサン</t>
    </rPh>
    <rPh sb="28" eb="30">
      <t>テアテ</t>
    </rPh>
    <rPh sb="30" eb="31">
      <t>キン</t>
    </rPh>
    <rPh sb="32" eb="35">
      <t>クミアイイン</t>
    </rPh>
    <rPh sb="36" eb="38">
      <t>サンゼン</t>
    </rPh>
    <rPh sb="40" eb="41">
      <t>ニチ</t>
    </rPh>
    <rPh sb="41" eb="43">
      <t>サンゴ</t>
    </rPh>
    <rPh sb="45" eb="46">
      <t>ニチ</t>
    </rPh>
    <rPh sb="47" eb="48">
      <t>ケイ</t>
    </rPh>
    <rPh sb="50" eb="51">
      <t>ニチ</t>
    </rPh>
    <rPh sb="51" eb="52">
      <t>ブン</t>
    </rPh>
    <rPh sb="52" eb="54">
      <t>シキュウ</t>
    </rPh>
    <rPh sb="59" eb="60">
      <t>エン</t>
    </rPh>
    <rPh sb="61" eb="62">
      <t>ニチ</t>
    </rPh>
    <phoneticPr fontId="4"/>
  </si>
  <si>
    <t>※</t>
    <phoneticPr fontId="4"/>
  </si>
  <si>
    <t>組合員のみ１日当たり 1,000～4,200円 、入院加算 3,000円/日、年度内最高80日</t>
    <rPh sb="0" eb="3">
      <t>クミアイイン</t>
    </rPh>
    <rPh sb="6" eb="7">
      <t>ニチ</t>
    </rPh>
    <rPh sb="7" eb="8">
      <t>ア</t>
    </rPh>
    <rPh sb="22" eb="23">
      <t>エン</t>
    </rPh>
    <rPh sb="25" eb="27">
      <t>ニュウイン</t>
    </rPh>
    <rPh sb="27" eb="29">
      <t>カサン</t>
    </rPh>
    <rPh sb="35" eb="36">
      <t>エン</t>
    </rPh>
    <rPh sb="37" eb="38">
      <t>ニチ</t>
    </rPh>
    <rPh sb="39" eb="42">
      <t>ネンドナイ</t>
    </rPh>
    <rPh sb="42" eb="44">
      <t>サイコウ</t>
    </rPh>
    <rPh sb="46" eb="47">
      <t>ニチ</t>
    </rPh>
    <phoneticPr fontId="4"/>
  </si>
  <si>
    <t>3割</t>
    <phoneticPr fontId="4"/>
  </si>
  <si>
    <t>3割</t>
    <phoneticPr fontId="4"/>
  </si>
  <si>
    <t>3割</t>
    <phoneticPr fontId="4"/>
  </si>
  <si>
    <t>建設連合</t>
    <phoneticPr fontId="4"/>
  </si>
  <si>
    <t>組合員100,000円、家族50,000円</t>
    <rPh sb="0" eb="3">
      <t>クミアイイン</t>
    </rPh>
    <rPh sb="10" eb="11">
      <t>エン</t>
    </rPh>
    <rPh sb="12" eb="14">
      <t>カゾク</t>
    </rPh>
    <rPh sb="20" eb="21">
      <t>エン</t>
    </rPh>
    <phoneticPr fontId="4"/>
  </si>
  <si>
    <t>※</t>
    <phoneticPr fontId="4"/>
  </si>
  <si>
    <t>組合員の入院１日につき4,000円(同一年度内50日を限度)</t>
    <rPh sb="0" eb="3">
      <t>クミアイイン</t>
    </rPh>
    <rPh sb="4" eb="6">
      <t>ニュウイン</t>
    </rPh>
    <rPh sb="7" eb="8">
      <t>ニチ</t>
    </rPh>
    <rPh sb="22" eb="23">
      <t>ナイ</t>
    </rPh>
    <rPh sb="27" eb="29">
      <t>ゲンド</t>
    </rPh>
    <phoneticPr fontId="4"/>
  </si>
  <si>
    <t>建  設  業</t>
    <phoneticPr fontId="4"/>
  </si>
  <si>
    <t>組合員100,000円、家族70,000円</t>
    <rPh sb="0" eb="3">
      <t>クミアイイン</t>
    </rPh>
    <rPh sb="10" eb="11">
      <t>エン</t>
    </rPh>
    <rPh sb="12" eb="14">
      <t>カゾク</t>
    </rPh>
    <rPh sb="20" eb="21">
      <t>エン</t>
    </rPh>
    <phoneticPr fontId="4"/>
  </si>
  <si>
    <t>平成24年度から廃止</t>
    <rPh sb="0" eb="2">
      <t>ヘイセイ</t>
    </rPh>
    <rPh sb="4" eb="6">
      <t>ネンド</t>
    </rPh>
    <rPh sb="8" eb="10">
      <t>ハイシ</t>
    </rPh>
    <phoneticPr fontId="4"/>
  </si>
  <si>
    <t>実施主体</t>
  </si>
  <si>
    <t>薬  剤  師</t>
    <phoneticPr fontId="4"/>
  </si>
  <si>
    <t>加入年数に応じて70,000～300,000円</t>
    <rPh sb="0" eb="2">
      <t>カニュウ</t>
    </rPh>
    <rPh sb="2" eb="4">
      <t>ネンスウ</t>
    </rPh>
    <rPh sb="5" eb="6">
      <t>オウ</t>
    </rPh>
    <rPh sb="22" eb="23">
      <t>エン</t>
    </rPh>
    <phoneticPr fontId="4"/>
  </si>
  <si>
    <t>市町村が</t>
  </si>
  <si>
    <t>10,000円(入院１月以上。加入期間１年以上20,000円、３年以上30,000円)</t>
    <rPh sb="12" eb="14">
      <t>イジョウ</t>
    </rPh>
    <rPh sb="17" eb="19">
      <t>キカン</t>
    </rPh>
    <phoneticPr fontId="4"/>
  </si>
  <si>
    <t>※</t>
    <phoneticPr fontId="4"/>
  </si>
  <si>
    <t>住所地の</t>
  </si>
  <si>
    <t>食品衛生</t>
    <phoneticPr fontId="4"/>
  </si>
  <si>
    <t>第１種200,000円、第２種150,000円、第３種及び家族100,000円</t>
    <rPh sb="0" eb="1">
      <t>ダイ</t>
    </rPh>
    <rPh sb="2" eb="3">
      <t>シュ</t>
    </rPh>
    <rPh sb="10" eb="11">
      <t>エン</t>
    </rPh>
    <rPh sb="12" eb="13">
      <t>ダイ</t>
    </rPh>
    <rPh sb="14" eb="15">
      <t>シュ</t>
    </rPh>
    <rPh sb="22" eb="23">
      <t>エン</t>
    </rPh>
    <rPh sb="24" eb="25">
      <t>ダイ</t>
    </rPh>
    <rPh sb="26" eb="27">
      <t>シュ</t>
    </rPh>
    <rPh sb="27" eb="28">
      <t>オヨ</t>
    </rPh>
    <rPh sb="29" eb="31">
      <t>カゾク</t>
    </rPh>
    <rPh sb="38" eb="39">
      <t>エン</t>
    </rPh>
    <phoneticPr fontId="4"/>
  </si>
  <si>
    <t>組合員の</t>
  </si>
  <si>
    <t>入院につき（同一年度180日を限度）、第１種1日当り5,000円、第２種１日当たり4,000円、第３種１日当たり3,000円</t>
    <rPh sb="0" eb="2">
      <t>ニュウイン</t>
    </rPh>
    <rPh sb="6" eb="8">
      <t>ドウイツ</t>
    </rPh>
    <rPh sb="8" eb="10">
      <t>ネンド</t>
    </rPh>
    <rPh sb="13" eb="14">
      <t>ニチ</t>
    </rPh>
    <rPh sb="15" eb="17">
      <t>ゲンド</t>
    </rPh>
    <rPh sb="31" eb="32">
      <t>エン</t>
    </rPh>
    <rPh sb="36" eb="38">
      <t>イチニチ</t>
    </rPh>
    <rPh sb="38" eb="39">
      <t>ア</t>
    </rPh>
    <rPh sb="46" eb="47">
      <t>エン</t>
    </rPh>
    <rPh sb="51" eb="53">
      <t>イチニチ</t>
    </rPh>
    <rPh sb="53" eb="54">
      <t>ア</t>
    </rPh>
    <phoneticPr fontId="4"/>
  </si>
  <si>
    <t>歯科医師</t>
    <phoneticPr fontId="4"/>
  </si>
  <si>
    <t>第１種200,000円、第２種及び家族100,000円</t>
    <rPh sb="0" eb="1">
      <t>ダイ</t>
    </rPh>
    <rPh sb="2" eb="3">
      <t>シュ</t>
    </rPh>
    <rPh sb="10" eb="11">
      <t>エン</t>
    </rPh>
    <rPh sb="12" eb="13">
      <t>ダイ</t>
    </rPh>
    <rPh sb="14" eb="15">
      <t>シュ</t>
    </rPh>
    <rPh sb="15" eb="16">
      <t>オヨ</t>
    </rPh>
    <rPh sb="17" eb="19">
      <t>カゾク</t>
    </rPh>
    <rPh sb="26" eb="27">
      <t>エン</t>
    </rPh>
    <phoneticPr fontId="4"/>
  </si>
  <si>
    <t>第１種30,000円、第２種15,000円</t>
    <rPh sb="20" eb="21">
      <t>エン</t>
    </rPh>
    <phoneticPr fontId="4"/>
  </si>
  <si>
    <t>組合員の住所地の市町村が実施主体</t>
    <phoneticPr fontId="4"/>
  </si>
  <si>
    <t>医        師</t>
    <phoneticPr fontId="4"/>
  </si>
  <si>
    <t>国保組合の上段は傷病手当金、下段は葬祭費</t>
    <rPh sb="0" eb="2">
      <t>コクホ</t>
    </rPh>
    <rPh sb="2" eb="4">
      <t>クミアイ</t>
    </rPh>
    <rPh sb="14" eb="16">
      <t>ゲダン</t>
    </rPh>
    <rPh sb="17" eb="19">
      <t>ソウサイ</t>
    </rPh>
    <rPh sb="19" eb="20">
      <t>ヒ</t>
    </rPh>
    <phoneticPr fontId="4"/>
  </si>
  <si>
    <t>家族</t>
    <rPh sb="0" eb="2">
      <t>カゾク</t>
    </rPh>
    <phoneticPr fontId="4"/>
  </si>
  <si>
    <t>組合員</t>
    <rPh sb="0" eb="2">
      <t>クミアイ</t>
    </rPh>
    <rPh sb="2" eb="3">
      <t>イン</t>
    </rPh>
    <phoneticPr fontId="4"/>
  </si>
  <si>
    <t>(1)身障1～3級、養育A1,A2,B1、精神1級　(2)母子・父子　(3)0歳～満18歳を迎えた最初の３月31日まで（中学3年生の3月31日の翌日以降は入院のみ）</t>
    <rPh sb="3" eb="5">
      <t>シンショウ</t>
    </rPh>
    <rPh sb="8" eb="9">
      <t>キュウ</t>
    </rPh>
    <rPh sb="10" eb="12">
      <t>ヨウイク</t>
    </rPh>
    <rPh sb="21" eb="23">
      <t>セイシン</t>
    </rPh>
    <rPh sb="24" eb="25">
      <t>キュウ</t>
    </rPh>
    <rPh sb="60" eb="62">
      <t>チュウガク</t>
    </rPh>
    <rPh sb="63" eb="64">
      <t>ネン</t>
    </rPh>
    <rPh sb="64" eb="65">
      <t>セイ</t>
    </rPh>
    <rPh sb="67" eb="68">
      <t>ガツ</t>
    </rPh>
    <rPh sb="70" eb="71">
      <t>ニチ</t>
    </rPh>
    <rPh sb="72" eb="74">
      <t>ヨクジツ</t>
    </rPh>
    <rPh sb="74" eb="76">
      <t>イコウ</t>
    </rPh>
    <rPh sb="77" eb="79">
      <t>ニュウイン</t>
    </rPh>
    <phoneticPr fontId="4"/>
  </si>
  <si>
    <t>0割</t>
    <phoneticPr fontId="4"/>
  </si>
  <si>
    <t xml:space="preserve"> 清川村</t>
  </si>
  <si>
    <t>(1)身心障害者（自立支援医療費補助申請者は精神は外来のみ、身体は入院・外来で9割給付）　所得制限あり
(2)ひとり親家庭等「全員」　(3)0歳～中学生</t>
    <rPh sb="9" eb="11">
      <t>ジリツ</t>
    </rPh>
    <rPh sb="11" eb="13">
      <t>シエン</t>
    </rPh>
    <rPh sb="13" eb="16">
      <t>イリョウヒ</t>
    </rPh>
    <rPh sb="16" eb="18">
      <t>ホジョ</t>
    </rPh>
    <rPh sb="18" eb="20">
      <t>シンセイ</t>
    </rPh>
    <rPh sb="20" eb="21">
      <t>シャ</t>
    </rPh>
    <rPh sb="22" eb="24">
      <t>セイシン</t>
    </rPh>
    <rPh sb="25" eb="27">
      <t>ガイライ</t>
    </rPh>
    <rPh sb="30" eb="32">
      <t>シンタイ</t>
    </rPh>
    <rPh sb="33" eb="35">
      <t>ニュウイン</t>
    </rPh>
    <rPh sb="36" eb="38">
      <t>ガイライ</t>
    </rPh>
    <rPh sb="40" eb="41">
      <t>ワリ</t>
    </rPh>
    <rPh sb="41" eb="43">
      <t>キュウフ</t>
    </rPh>
    <phoneticPr fontId="4"/>
  </si>
  <si>
    <t>0割</t>
  </si>
  <si>
    <t xml:space="preserve"> 愛川町</t>
  </si>
  <si>
    <t>(1)1級または2級に該当する障害を有する者等（精神は1級のみで償還払い）
(2)18歳に達する最初の3月31日までの児童を養育する父又は母
(3)0歳～中学生（中学生は入院のみ）</t>
    <rPh sb="2" eb="3">
      <t>キュウ</t>
    </rPh>
    <rPh sb="7" eb="8">
      <t>キュウ</t>
    </rPh>
    <rPh sb="9" eb="11">
      <t>ガイトウ</t>
    </rPh>
    <rPh sb="13" eb="15">
      <t>ショウガイ</t>
    </rPh>
    <rPh sb="16" eb="17">
      <t>ユウ</t>
    </rPh>
    <rPh sb="19" eb="20">
      <t>モノ</t>
    </rPh>
    <rPh sb="21" eb="22">
      <t>トウ</t>
    </rPh>
    <rPh sb="26" eb="27">
      <t>キュウ</t>
    </rPh>
    <rPh sb="31" eb="33">
      <t>ショウカン</t>
    </rPh>
    <rPh sb="33" eb="34">
      <t>ハラ</t>
    </rPh>
    <phoneticPr fontId="4"/>
  </si>
  <si>
    <t>3割</t>
  </si>
  <si>
    <t xml:space="preserve"> 湯河原町</t>
  </si>
  <si>
    <t>(1)心身障害者　(2)18歳に達した日の属する年度の末日まで(一定の障害がある場合・高等学校に在学している場合は20歳未満まで）
(3)0歳～中学生</t>
    <rPh sb="3" eb="5">
      <t>シンシン</t>
    </rPh>
    <rPh sb="5" eb="8">
      <t>ショウガイシャ</t>
    </rPh>
    <rPh sb="72" eb="75">
      <t>チュウガクセイ</t>
    </rPh>
    <phoneticPr fontId="4"/>
  </si>
  <si>
    <t xml:space="preserve"> 真鶴町</t>
  </si>
  <si>
    <t>(1)身心障害者（1,2級、IQ35以下、3級かつIQ50以下）、精神1級（通院のみ（償還払い））　(2)母子・父子　(3)０歳から中学生</t>
    <rPh sb="63" eb="64">
      <t>サイ</t>
    </rPh>
    <rPh sb="66" eb="69">
      <t>チュウガクセイ</t>
    </rPh>
    <phoneticPr fontId="4"/>
  </si>
  <si>
    <t xml:space="preserve"> 箱根町</t>
  </si>
  <si>
    <t>(1)身心障害者（所得制限あり）65歳以上で手帳の交付を受けた方は対象外　(2)母子・父子
(3)0歳～中学生（３歳以上所得制限あり）</t>
    <phoneticPr fontId="4"/>
  </si>
  <si>
    <t xml:space="preserve"> 開成町</t>
  </si>
  <si>
    <t>(1)身障1,2級、養育A1,A2（所得制限あり）　(2)18歳に達する日以降の最初の3月31日までにある者及びその者を養育する者　(3)０歳から中学生</t>
    <rPh sb="70" eb="71">
      <t>サイ</t>
    </rPh>
    <rPh sb="73" eb="76">
      <t>チュウガクセイ</t>
    </rPh>
    <phoneticPr fontId="4"/>
  </si>
  <si>
    <t xml:space="preserve"> 山北町</t>
  </si>
  <si>
    <t>(1)身心障害者、精神1級（通院のみ）、すべて所得制限有り　(2)母子・父子　(3)０歳から中学生</t>
    <rPh sb="23" eb="25">
      <t>ショトク</t>
    </rPh>
    <rPh sb="25" eb="27">
      <t>セイゲン</t>
    </rPh>
    <rPh sb="27" eb="28">
      <t>ア</t>
    </rPh>
    <phoneticPr fontId="4"/>
  </si>
  <si>
    <t>3割</t>
    <rPh sb="1" eb="2">
      <t>ワリ</t>
    </rPh>
    <phoneticPr fontId="4"/>
  </si>
  <si>
    <t xml:space="preserve"> 松田町</t>
  </si>
  <si>
    <t>(1)重度障害者　(2)ひとり親家庭等「全員」　(3)0歳～18歳以下</t>
    <rPh sb="32" eb="33">
      <t>サイ</t>
    </rPh>
    <rPh sb="33" eb="35">
      <t>イカ</t>
    </rPh>
    <phoneticPr fontId="4"/>
  </si>
  <si>
    <t xml:space="preserve"> 大井町</t>
  </si>
  <si>
    <t>(1)身障1,2級、身障3級かつIQ50以下、養育A,B1（身障3級かつIQ50以下）、精神1級
(2)ひとり親家庭の０歳から18歳になった3月31日までの児童とその父もしくは母又は養育者　(3)0歳～15歳になった3/31まで</t>
    <rPh sb="1" eb="3">
      <t>シンショウ</t>
    </rPh>
    <rPh sb="6" eb="7">
      <t>キュウ</t>
    </rPh>
    <rPh sb="8" eb="10">
      <t>シンショウ</t>
    </rPh>
    <rPh sb="11" eb="12">
      <t>キュウ</t>
    </rPh>
    <rPh sb="18" eb="20">
      <t>イカ</t>
    </rPh>
    <rPh sb="21" eb="23">
      <t>ヨウイク</t>
    </rPh>
    <rPh sb="31" eb="32">
      <t>キュウ</t>
    </rPh>
    <rPh sb="38" eb="40">
      <t>イカ</t>
    </rPh>
    <rPh sb="45" eb="46">
      <t>キュウ</t>
    </rPh>
    <rPh sb="55" eb="56">
      <t>オヤ</t>
    </rPh>
    <rPh sb="56" eb="58">
      <t>カテイ</t>
    </rPh>
    <rPh sb="60" eb="61">
      <t>サイ</t>
    </rPh>
    <rPh sb="64" eb="65">
      <t>サイ</t>
    </rPh>
    <rPh sb="70" eb="71">
      <t>ガツ</t>
    </rPh>
    <rPh sb="73" eb="74">
      <t>ヒ</t>
    </rPh>
    <rPh sb="78" eb="80">
      <t>ジドウ</t>
    </rPh>
    <rPh sb="83" eb="84">
      <t>チチ</t>
    </rPh>
    <rPh sb="88" eb="89">
      <t>ハハ</t>
    </rPh>
    <rPh sb="89" eb="90">
      <t>マタ</t>
    </rPh>
    <rPh sb="91" eb="94">
      <t>ヨウイクシャ</t>
    </rPh>
    <phoneticPr fontId="4"/>
  </si>
  <si>
    <t xml:space="preserve"> 中井町</t>
  </si>
  <si>
    <t>(1)身障1～4級、養育A1,A2,B1、精神1級　(2)母子・父子（扶養者及び高校生までの被扶養者）　(3)0歳～中学生（小学生以上所得制限あり）</t>
    <rPh sb="3" eb="5">
      <t>シンショウ</t>
    </rPh>
    <rPh sb="8" eb="9">
      <t>キュウ</t>
    </rPh>
    <rPh sb="10" eb="12">
      <t>ヨウイク</t>
    </rPh>
    <rPh sb="21" eb="23">
      <t>セイシン</t>
    </rPh>
    <rPh sb="24" eb="25">
      <t>キュウ</t>
    </rPh>
    <rPh sb="35" eb="38">
      <t>フヨウシャ</t>
    </rPh>
    <rPh sb="38" eb="39">
      <t>オヨ</t>
    </rPh>
    <rPh sb="40" eb="43">
      <t>コウコウセイ</t>
    </rPh>
    <rPh sb="46" eb="50">
      <t>ヒフヨウシャ</t>
    </rPh>
    <phoneticPr fontId="4"/>
  </si>
  <si>
    <t xml:space="preserve"> 二宮町</t>
  </si>
  <si>
    <t>(1)身心障害者（所得制限あり）、精神3級で自立支援医療の精神通院を受けている者（自己負担1割のうちの3割を給付（償還払い））
(2)母子・父子　(3)0歳～中学生（1歳以上所得制限あり）（中学生は医科入院のみ）</t>
    <rPh sb="3" eb="5">
      <t>シンシン</t>
    </rPh>
    <rPh sb="5" eb="8">
      <t>ショウガイシャ</t>
    </rPh>
    <rPh sb="9" eb="11">
      <t>ショトク</t>
    </rPh>
    <rPh sb="11" eb="13">
      <t>セイゲン</t>
    </rPh>
    <rPh sb="17" eb="19">
      <t>セイシン</t>
    </rPh>
    <rPh sb="20" eb="21">
      <t>キュウ</t>
    </rPh>
    <rPh sb="22" eb="24">
      <t>ジリツ</t>
    </rPh>
    <rPh sb="24" eb="26">
      <t>シエン</t>
    </rPh>
    <rPh sb="26" eb="28">
      <t>イリョウ</t>
    </rPh>
    <rPh sb="29" eb="31">
      <t>セイシン</t>
    </rPh>
    <rPh sb="31" eb="33">
      <t>ツウイン</t>
    </rPh>
    <rPh sb="34" eb="35">
      <t>ウ</t>
    </rPh>
    <rPh sb="39" eb="40">
      <t>モノ</t>
    </rPh>
    <rPh sb="41" eb="43">
      <t>ジコ</t>
    </rPh>
    <rPh sb="43" eb="45">
      <t>フタン</t>
    </rPh>
    <rPh sb="46" eb="47">
      <t>ワリ</t>
    </rPh>
    <rPh sb="52" eb="53">
      <t>ワリ</t>
    </rPh>
    <rPh sb="54" eb="56">
      <t>キュウフ</t>
    </rPh>
    <rPh sb="57" eb="59">
      <t>ショウカン</t>
    </rPh>
    <rPh sb="59" eb="60">
      <t>ハラ</t>
    </rPh>
    <rPh sb="95" eb="98">
      <t>チュウガクセイ</t>
    </rPh>
    <rPh sb="99" eb="101">
      <t>イカ</t>
    </rPh>
    <rPh sb="101" eb="103">
      <t>ニュウイン</t>
    </rPh>
    <phoneticPr fontId="4"/>
  </si>
  <si>
    <t xml:space="preserve"> 大磯町</t>
  </si>
  <si>
    <t>(1)身障1,2級又は養育A1,A2、身障3級かつIQ50以下、精神1級　(2)18歳未満の児童を養育するひとり親等と子　(3)０歳から中学生</t>
    <rPh sb="1" eb="3">
      <t>シンショウ</t>
    </rPh>
    <rPh sb="6" eb="7">
      <t>キュウ</t>
    </rPh>
    <rPh sb="7" eb="8">
      <t>マタ</t>
    </rPh>
    <rPh sb="9" eb="11">
      <t>ヨウイク</t>
    </rPh>
    <rPh sb="17" eb="19">
      <t>シンショウ</t>
    </rPh>
    <rPh sb="20" eb="21">
      <t>キュウ</t>
    </rPh>
    <rPh sb="27" eb="29">
      <t>イカ</t>
    </rPh>
    <rPh sb="30" eb="32">
      <t>セイシン</t>
    </rPh>
    <rPh sb="33" eb="34">
      <t>キュウ</t>
    </rPh>
    <rPh sb="65" eb="66">
      <t>サイ</t>
    </rPh>
    <rPh sb="68" eb="71">
      <t>チュウガクセイ</t>
    </rPh>
    <phoneticPr fontId="4"/>
  </si>
  <si>
    <t xml:space="preserve"> 綾瀬市</t>
  </si>
  <si>
    <t>(1)身障1,2級、身障3級の内部機能障害、養育A1,A2,B1（IQ50以下）、精神1級
(2)18歳到達年度末までの児童を養育する父又は母と子　(3)0歳～中学生</t>
    <rPh sb="3" eb="5">
      <t>シンショウ</t>
    </rPh>
    <rPh sb="8" eb="9">
      <t>キュウ</t>
    </rPh>
    <rPh sb="10" eb="12">
      <t>シンショウ</t>
    </rPh>
    <rPh sb="13" eb="14">
      <t>キュウ</t>
    </rPh>
    <rPh sb="15" eb="17">
      <t>ナイブ</t>
    </rPh>
    <rPh sb="17" eb="19">
      <t>キノウ</t>
    </rPh>
    <rPh sb="19" eb="21">
      <t>ショウガイ</t>
    </rPh>
    <rPh sb="22" eb="24">
      <t>ヨウイク</t>
    </rPh>
    <rPh sb="37" eb="39">
      <t>イカ</t>
    </rPh>
    <rPh sb="41" eb="43">
      <t>セイシン</t>
    </rPh>
    <rPh sb="44" eb="45">
      <t>キュウ</t>
    </rPh>
    <rPh sb="78" eb="79">
      <t>サイ</t>
    </rPh>
    <rPh sb="80" eb="83">
      <t>チュウガクセイ</t>
    </rPh>
    <phoneticPr fontId="4"/>
  </si>
  <si>
    <t xml:space="preserve"> 寒川町</t>
  </si>
  <si>
    <t>(1)心身障碍者　(2)母子・父子　(3)0歳～中学生</t>
    <rPh sb="5" eb="7">
      <t>ショウガイ</t>
    </rPh>
    <rPh sb="12" eb="14">
      <t>ボシ</t>
    </rPh>
    <rPh sb="15" eb="17">
      <t>フシ</t>
    </rPh>
    <phoneticPr fontId="4"/>
  </si>
  <si>
    <t xml:space="preserve">0割 </t>
    <phoneticPr fontId="4"/>
  </si>
  <si>
    <t xml:space="preserve"> 葉山町</t>
  </si>
  <si>
    <t>(1)身障1,2級、身障3級でIQ50以下、養育A1,A2、精神1級（通院のみ）、すべて所得制限あり　(2)ひとり親家庭等「全員」
(3)0歳～中学生（1歳以上所得制限あり）</t>
    <rPh sb="1" eb="3">
      <t>シンショウ</t>
    </rPh>
    <rPh sb="6" eb="7">
      <t>キュウ</t>
    </rPh>
    <rPh sb="8" eb="10">
      <t>シンショウ</t>
    </rPh>
    <rPh sb="11" eb="12">
      <t>キュウ</t>
    </rPh>
    <rPh sb="17" eb="19">
      <t>イカ</t>
    </rPh>
    <rPh sb="20" eb="22">
      <t>ヨウイク</t>
    </rPh>
    <rPh sb="28" eb="30">
      <t>セイシン</t>
    </rPh>
    <rPh sb="31" eb="32">
      <t>キュウ</t>
    </rPh>
    <rPh sb="33" eb="34">
      <t>キュウ</t>
    </rPh>
    <rPh sb="38" eb="40">
      <t>ショトク</t>
    </rPh>
    <rPh sb="44" eb="46">
      <t>セイゲン</t>
    </rPh>
    <phoneticPr fontId="4"/>
  </si>
  <si>
    <t xml:space="preserve"> 南足柄市</t>
  </si>
  <si>
    <t>(1)身障1,2級、養育手帳A1,A2、精神1級、（身体3級、養育B1は9割給付）　(2)母子、父子　(3)0歳～中学生（1歳以上所得制限あり）</t>
    <phoneticPr fontId="4"/>
  </si>
  <si>
    <t xml:space="preserve"> 座間市</t>
  </si>
  <si>
    <t xml:space="preserve">(1)心身障害者　(2)母子、父子　(3)0歳～中学生 </t>
    <rPh sb="12" eb="14">
      <t>ボシ</t>
    </rPh>
    <rPh sb="15" eb="17">
      <t>フシ</t>
    </rPh>
    <phoneticPr fontId="4"/>
  </si>
  <si>
    <t xml:space="preserve"> 海老名市</t>
  </si>
  <si>
    <t>(1)身障1,2級、IQ35以下、身障3級かつIQ50以下、精神1級（入院除く）、すべて所得制限あり
(2)ひとり親家庭等（満18歳になった日以降の最初の3月31日まで、障害または在学の場合は20歳未満まで）
(3)0歳～中学生（１歳以上所得制限あり）（中学生は入院のみ）</t>
    <rPh sb="3" eb="5">
      <t>シンショウ</t>
    </rPh>
    <rPh sb="8" eb="9">
      <t>キュウ</t>
    </rPh>
    <rPh sb="14" eb="16">
      <t>イカ</t>
    </rPh>
    <rPh sb="17" eb="19">
      <t>シンショウ</t>
    </rPh>
    <rPh sb="20" eb="21">
      <t>キュウ</t>
    </rPh>
    <rPh sb="27" eb="29">
      <t>イカ</t>
    </rPh>
    <rPh sb="30" eb="32">
      <t>セイシン</t>
    </rPh>
    <rPh sb="35" eb="37">
      <t>ニュウイン</t>
    </rPh>
    <rPh sb="37" eb="38">
      <t>ノゾ</t>
    </rPh>
    <rPh sb="44" eb="46">
      <t>ショトク</t>
    </rPh>
    <rPh sb="46" eb="48">
      <t>セイゲン</t>
    </rPh>
    <rPh sb="127" eb="130">
      <t>チュウガクセイ</t>
    </rPh>
    <rPh sb="131" eb="133">
      <t>ニュウイン</t>
    </rPh>
    <phoneticPr fontId="4"/>
  </si>
  <si>
    <t xml:space="preserve"> 伊勢原市</t>
  </si>
  <si>
    <t>(1)身障1,2級、IQ35以下、身障3級でIQ50以下、精神1級（入院以外）、全て所得制限あり
(2)ひとり親家庭等（満18歳になった日以降の最初の3月31日まで、障害または在学の場合は20歳未満まで）　(3)0歳～中学生　（1歳以上所得制限あり）</t>
    <rPh sb="34" eb="36">
      <t>ニュウイン</t>
    </rPh>
    <rPh sb="36" eb="38">
      <t>イガイ</t>
    </rPh>
    <rPh sb="40" eb="41">
      <t>スベ</t>
    </rPh>
    <phoneticPr fontId="4"/>
  </si>
  <si>
    <t xml:space="preserve"> 大和市</t>
  </si>
  <si>
    <t>(1)身障1級～3級、IQ50以下及び精神1級（65歳以上で新たに認定された者は除く）所得制限あり
(2)18歳の誕生日以降の最初の３月31日まで、20歳未満で規則で定める程度の障害の状態にあるか、規則で定める学校に在学している児童とその父母等
(3)０歳から中学生</t>
    <rPh sb="127" eb="128">
      <t>サイ</t>
    </rPh>
    <rPh sb="130" eb="133">
      <t>チュウガクセイ</t>
    </rPh>
    <phoneticPr fontId="4"/>
  </si>
  <si>
    <t xml:space="preserve"> 厚木市</t>
  </si>
  <si>
    <t>(1)1～2級の障害者、養育手帳A1,A2、身障3級かつIQ50以下、精神1級（65歳以上新規は対象外、所得制限あり）・自立支援医療は指定医科外来９割給付
(2)18歳未満の児童を養育する者と児童　(3)０歳～中学生（小学生以上所得制限あり）</t>
    <rPh sb="42" eb="45">
      <t>サイイジョウ</t>
    </rPh>
    <rPh sb="45" eb="47">
      <t>シンキ</t>
    </rPh>
    <rPh sb="48" eb="51">
      <t>タイショウガイ</t>
    </rPh>
    <rPh sb="105" eb="108">
      <t>チュウガクセイ</t>
    </rPh>
    <phoneticPr fontId="4"/>
  </si>
  <si>
    <t xml:space="preserve"> 秦野市</t>
  </si>
  <si>
    <t>(1)身障1，2級、IQ35以下、身障3級かつIQ50以下、精神1級（通院のみ）　※H26.10～ 65歳以上新規を対象外
(2)ひとり親家庭の父又は母と児童、養育者と養育者が扶養する児童　(3)０歳から中学生</t>
    <rPh sb="35" eb="37">
      <t>ツウイン</t>
    </rPh>
    <rPh sb="68" eb="69">
      <t>オヤ</t>
    </rPh>
    <rPh sb="69" eb="71">
      <t>カテイ</t>
    </rPh>
    <rPh sb="72" eb="73">
      <t>チチ</t>
    </rPh>
    <rPh sb="73" eb="74">
      <t>マタ</t>
    </rPh>
    <rPh sb="75" eb="76">
      <t>ハハ</t>
    </rPh>
    <rPh sb="77" eb="79">
      <t>ジドウ</t>
    </rPh>
    <rPh sb="80" eb="83">
      <t>ヨウイクシャ</t>
    </rPh>
    <rPh sb="84" eb="87">
      <t>ヨウイクシャ</t>
    </rPh>
    <rPh sb="88" eb="90">
      <t>フヨウ</t>
    </rPh>
    <rPh sb="92" eb="94">
      <t>ジドウ</t>
    </rPh>
    <rPh sb="99" eb="100">
      <t>サイ</t>
    </rPh>
    <rPh sb="102" eb="105">
      <t>チュウガクセイ</t>
    </rPh>
    <phoneticPr fontId="4"/>
  </si>
  <si>
    <t xml:space="preserve"> 三浦市</t>
  </si>
  <si>
    <t>(1)身障1,2級、IQ35以下、身障3級かつIQ50以下、精神1,2級　(2)ひとり親家庭等　(3)0歳～中学生（1歳以上所得制限あり）</t>
    <rPh sb="42" eb="43">
      <t>オヤ</t>
    </rPh>
    <rPh sb="43" eb="45">
      <t>カテイ</t>
    </rPh>
    <rPh sb="45" eb="46">
      <t>トウ</t>
    </rPh>
    <rPh sb="49" eb="50">
      <t>サイ</t>
    </rPh>
    <rPh sb="51" eb="54">
      <t>ショウガクセイ</t>
    </rPh>
    <rPh sb="54" eb="55">
      <t>チュウ</t>
    </rPh>
    <rPh sb="56" eb="57">
      <t>サイ</t>
    </rPh>
    <rPh sb="57" eb="59">
      <t>イジョウ</t>
    </rPh>
    <rPh sb="59" eb="61">
      <t>ショトク</t>
    </rPh>
    <rPh sb="61" eb="63">
      <t>セイゲン</t>
    </rPh>
    <phoneticPr fontId="4"/>
  </si>
  <si>
    <t xml:space="preserve"> 相模原市</t>
  </si>
  <si>
    <t>(1)重度障害者（精神障害は通院のみ）　(2)母子・父子　(3)0歳～中学生(1歳以上所得制限あり)</t>
    <rPh sb="2" eb="4">
      <t>ジュウド</t>
    </rPh>
    <rPh sb="4" eb="7">
      <t>ショウガイシャ</t>
    </rPh>
    <rPh sb="9" eb="11">
      <t>セイシン</t>
    </rPh>
    <rPh sb="11" eb="13">
      <t>ショウガイ</t>
    </rPh>
    <rPh sb="14" eb="16">
      <t>ツウイン</t>
    </rPh>
    <rPh sb="38" eb="40">
      <t>イジョウ</t>
    </rPh>
    <rPh sb="40" eb="42">
      <t>ショトク</t>
    </rPh>
    <rPh sb="42" eb="44">
      <t>セイゲン</t>
    </rPh>
    <phoneticPr fontId="4"/>
  </si>
  <si>
    <t xml:space="preserve"> 逗子市</t>
  </si>
  <si>
    <t>(1)重度障害者　(2)ひとり親家庭等（満18歳になった日以降の最初の3月31日まで、障害または在学の場合は20歳未満まで）
(3)0歳～中学生（所得制限あり）（小学4年生から中学3年生までについては、通院1回につき500円まで自己負担）</t>
    <rPh sb="3" eb="5">
      <t>ジュウド</t>
    </rPh>
    <rPh sb="5" eb="8">
      <t>ショウガイシャ</t>
    </rPh>
    <rPh sb="15" eb="16">
      <t>オヤ</t>
    </rPh>
    <rPh sb="16" eb="18">
      <t>カテイ</t>
    </rPh>
    <rPh sb="18" eb="19">
      <t>ナド</t>
    </rPh>
    <rPh sb="67" eb="68">
      <t>サイ</t>
    </rPh>
    <rPh sb="69" eb="72">
      <t>チュウガクセイ</t>
    </rPh>
    <rPh sb="73" eb="75">
      <t>ショトク</t>
    </rPh>
    <rPh sb="75" eb="77">
      <t>セイゲン</t>
    </rPh>
    <phoneticPr fontId="4"/>
  </si>
  <si>
    <t xml:space="preserve"> 茅ヶ崎市</t>
  </si>
  <si>
    <t>(1)身障1,2級、療育A（IQ35以下）、身障3級かつIQ50以下、精神1級（通院のみ）　(2)母子・父子
(3)0歳から小学生（一部所得制限あり）・中学生（所得制限あり）</t>
    <phoneticPr fontId="4"/>
  </si>
  <si>
    <t xml:space="preserve"> 小田原市</t>
  </si>
  <si>
    <t>(1)身障1～3級及び精神1,2級、IQ50以下、高確法別表の者、65歳以上で３ヶ月以上寝たきりの方
(2)18歳未満の子がいる父子・母子または養育者の世帯　(3)０歳～中学生（中学生のみ所得制限あり）</t>
    <rPh sb="89" eb="92">
      <t>チュウガクセイ</t>
    </rPh>
    <phoneticPr fontId="4"/>
  </si>
  <si>
    <t xml:space="preserve"> 藤沢市</t>
  </si>
  <si>
    <t>(1)身障1,2級、身障3,4級の一部、療育A1、A2、B1、精神1,2級、障害基礎年金1,2級（所得制限あり）
(2)18歳到達年度内までの児童及び養育する父母又は養育者　(3)0歳～中学生（小学生以上は所得制限あり）</t>
    <rPh sb="91" eb="92">
      <t>サイ</t>
    </rPh>
    <rPh sb="93" eb="96">
      <t>チュウガクセイ</t>
    </rPh>
    <phoneticPr fontId="4"/>
  </si>
  <si>
    <t xml:space="preserve"> 鎌倉市</t>
  </si>
  <si>
    <t>(1)身障1～3級、IQ40以下、身障4級かつIQ50以下、精神1級　(2)母子・父子　(3)０歳～中学生</t>
    <rPh sb="38" eb="40">
      <t>ボシ</t>
    </rPh>
    <rPh sb="41" eb="43">
      <t>フシ</t>
    </rPh>
    <phoneticPr fontId="4"/>
  </si>
  <si>
    <t xml:space="preserve"> 平塚市</t>
  </si>
  <si>
    <t>(1)身障1,2級、IQ35以下、身障3級かつIQ50以下（入院時食事療養費を除く）、精神1級（医科入院を除く）。
(2)18歳到達年度内までの児童を養育する母子・父子（入院食事療養費を除く）　(3)0歳～中学生（入院時食事療養費を除く）</t>
    <rPh sb="48" eb="50">
      <t>イカ</t>
    </rPh>
    <rPh sb="50" eb="52">
      <t>ニュウイン</t>
    </rPh>
    <rPh sb="53" eb="54">
      <t>ノゾ</t>
    </rPh>
    <phoneticPr fontId="4"/>
  </si>
  <si>
    <t xml:space="preserve"> 横須賀市</t>
  </si>
  <si>
    <t>(1)重度障害者（精神1級の入院を除く）　(2)父母又は養育者及び18未満の児童
(3)０歳から１５歳（住民税所得割非課税世帯を除き10～12歳については通院１回500円まで自己負担。中学生は入院のみで償還払い）所得制限あり
(その他)小児ぜん息患者（ぜん息に係る保険医療費）・成人ぜん息患者（気管支ぜん息のみ。市内医療機関等で受診した保険医療費9割給付）</t>
    <rPh sb="3" eb="5">
      <t>ジュウド</t>
    </rPh>
    <rPh sb="5" eb="8">
      <t>ショウガイシャ</t>
    </rPh>
    <rPh sb="9" eb="11">
      <t>セイシン</t>
    </rPh>
    <rPh sb="12" eb="13">
      <t>キュウ</t>
    </rPh>
    <rPh sb="14" eb="16">
      <t>ニュウイン</t>
    </rPh>
    <rPh sb="17" eb="18">
      <t>ノゾ</t>
    </rPh>
    <rPh sb="24" eb="26">
      <t>フボ</t>
    </rPh>
    <rPh sb="26" eb="27">
      <t>マタ</t>
    </rPh>
    <rPh sb="28" eb="31">
      <t>ヨウイクシャ</t>
    </rPh>
    <rPh sb="31" eb="32">
      <t>オヨ</t>
    </rPh>
    <rPh sb="35" eb="37">
      <t>ミマン</t>
    </rPh>
    <rPh sb="38" eb="40">
      <t>ジドウ</t>
    </rPh>
    <rPh sb="45" eb="46">
      <t>サイ</t>
    </rPh>
    <rPh sb="50" eb="51">
      <t>サイ</t>
    </rPh>
    <rPh sb="55" eb="57">
      <t>ショトク</t>
    </rPh>
    <rPh sb="57" eb="58">
      <t>ワリ</t>
    </rPh>
    <rPh sb="58" eb="59">
      <t>ヒ</t>
    </rPh>
    <rPh sb="61" eb="63">
      <t>セタイ</t>
    </rPh>
    <rPh sb="64" eb="65">
      <t>ノゾ</t>
    </rPh>
    <rPh sb="87" eb="89">
      <t>ジコ</t>
    </rPh>
    <rPh sb="92" eb="95">
      <t>チュウガクセイ</t>
    </rPh>
    <rPh sb="96" eb="98">
      <t>ニュウイン</t>
    </rPh>
    <rPh sb="101" eb="103">
      <t>ショウカン</t>
    </rPh>
    <rPh sb="103" eb="104">
      <t>バラ</t>
    </rPh>
    <rPh sb="106" eb="108">
      <t>ショトク</t>
    </rPh>
    <rPh sb="108" eb="110">
      <t>セイゲン</t>
    </rPh>
    <rPh sb="116" eb="117">
      <t>ホカ</t>
    </rPh>
    <rPh sb="118" eb="120">
      <t>ショウニ</t>
    </rPh>
    <rPh sb="122" eb="123">
      <t>ソク</t>
    </rPh>
    <rPh sb="123" eb="125">
      <t>カンジャ</t>
    </rPh>
    <rPh sb="128" eb="129">
      <t>ソク</t>
    </rPh>
    <rPh sb="130" eb="131">
      <t>カカ</t>
    </rPh>
    <rPh sb="132" eb="134">
      <t>ホケン</t>
    </rPh>
    <rPh sb="134" eb="136">
      <t>イリョウ</t>
    </rPh>
    <rPh sb="136" eb="137">
      <t>ヒ</t>
    </rPh>
    <rPh sb="139" eb="141">
      <t>セイジン</t>
    </rPh>
    <rPh sb="143" eb="144">
      <t>ソク</t>
    </rPh>
    <rPh sb="144" eb="146">
      <t>カンジャ</t>
    </rPh>
    <rPh sb="147" eb="150">
      <t>キカンシ</t>
    </rPh>
    <rPh sb="152" eb="153">
      <t>ソク</t>
    </rPh>
    <rPh sb="156" eb="158">
      <t>シナイ</t>
    </rPh>
    <rPh sb="158" eb="160">
      <t>イリョウ</t>
    </rPh>
    <rPh sb="160" eb="162">
      <t>キカン</t>
    </rPh>
    <rPh sb="162" eb="163">
      <t>トウ</t>
    </rPh>
    <rPh sb="164" eb="166">
      <t>ジュシン</t>
    </rPh>
    <rPh sb="168" eb="170">
      <t>ホケン</t>
    </rPh>
    <rPh sb="170" eb="172">
      <t>イリョウ</t>
    </rPh>
    <rPh sb="172" eb="173">
      <t>ヒ</t>
    </rPh>
    <rPh sb="174" eb="175">
      <t>ワリ</t>
    </rPh>
    <rPh sb="175" eb="177">
      <t>キュウフ</t>
    </rPh>
    <phoneticPr fontId="4"/>
  </si>
  <si>
    <t xml:space="preserve"> 川崎市</t>
  </si>
  <si>
    <t>(1)身障1,2級、IQ35以下、身障3級かつIQ50以下、精神1級（入院を除く）　(2)18歳到達年度内までの児童及び養育する父母又は養育者
(3)０歳～中学生(１歳以上所得制限あり)（１歳～２歳の所得制限額以上の世帯および小学４年生以上の課税世帯は通院１回500円まで自己負担）</t>
    <rPh sb="58" eb="59">
      <t>オヨ</t>
    </rPh>
    <rPh sb="60" eb="62">
      <t>ヨウイク</t>
    </rPh>
    <rPh sb="64" eb="66">
      <t>フボ</t>
    </rPh>
    <rPh sb="136" eb="138">
      <t>ジコ</t>
    </rPh>
    <phoneticPr fontId="4"/>
  </si>
  <si>
    <t>0割</t>
    <phoneticPr fontId="4"/>
  </si>
  <si>
    <t xml:space="preserve"> 横浜市</t>
  </si>
  <si>
    <t>(1)重度障害者一部負担金について　(2)ひとり親一部負担金について　(3)小児一部負担金について　(その他)その他の助成事業について</t>
    <rPh sb="8" eb="10">
      <t>イチブ</t>
    </rPh>
    <rPh sb="10" eb="13">
      <t>フタンキン</t>
    </rPh>
    <rPh sb="24" eb="25">
      <t>オヤ</t>
    </rPh>
    <rPh sb="25" eb="27">
      <t>イチブ</t>
    </rPh>
    <rPh sb="27" eb="30">
      <t>フタンキン</t>
    </rPh>
    <rPh sb="38" eb="40">
      <t>ショウニ</t>
    </rPh>
    <rPh sb="40" eb="42">
      <t>イチブ</t>
    </rPh>
    <rPh sb="42" eb="45">
      <t>フタンキン</t>
    </rPh>
    <rPh sb="53" eb="54">
      <t>ホカ</t>
    </rPh>
    <rPh sb="57" eb="58">
      <t>ホカ</t>
    </rPh>
    <rPh sb="59" eb="61">
      <t>ジョセイ</t>
    </rPh>
    <rPh sb="61" eb="63">
      <t>ジギョウ</t>
    </rPh>
    <phoneticPr fontId="4"/>
  </si>
  <si>
    <t>（注３）</t>
    <rPh sb="1" eb="2">
      <t>チュウ</t>
    </rPh>
    <phoneticPr fontId="4"/>
  </si>
  <si>
    <t>精神</t>
  </si>
  <si>
    <t>結核</t>
  </si>
  <si>
    <t>（注１）</t>
    <rPh sb="1" eb="2">
      <t>チュウ</t>
    </rPh>
    <phoneticPr fontId="4"/>
  </si>
  <si>
    <t>葬祭費</t>
  </si>
  <si>
    <t>出産育児
一時金</t>
    <rPh sb="2" eb="4">
      <t>イクジ</t>
    </rPh>
    <rPh sb="5" eb="8">
      <t>イチジキン</t>
    </rPh>
    <phoneticPr fontId="4"/>
  </si>
  <si>
    <t>（注２）</t>
    <rPh sb="1" eb="2">
      <t>チュウ</t>
    </rPh>
    <phoneticPr fontId="4"/>
  </si>
  <si>
    <t>保険者名</t>
  </si>
  <si>
    <t>備       考</t>
  </si>
  <si>
    <t>その他の給付（千円）</t>
    <rPh sb="2" eb="3">
      <t>タ</t>
    </rPh>
    <rPh sb="4" eb="6">
      <t>キュウフ</t>
    </rPh>
    <rPh sb="7" eb="9">
      <t>センエン</t>
    </rPh>
    <phoneticPr fontId="4"/>
  </si>
  <si>
    <t>小児
一部負
担金</t>
    <rPh sb="3" eb="5">
      <t>イチブ</t>
    </rPh>
    <rPh sb="5" eb="6">
      <t>フ</t>
    </rPh>
    <rPh sb="7" eb="8">
      <t>タン</t>
    </rPh>
    <rPh sb="8" eb="9">
      <t>キン</t>
    </rPh>
    <phoneticPr fontId="4"/>
  </si>
  <si>
    <t>ひとり
親一部
負担金</t>
    <rPh sb="4" eb="5">
      <t>オヤ</t>
    </rPh>
    <rPh sb="5" eb="7">
      <t>イチブ</t>
    </rPh>
    <rPh sb="8" eb="11">
      <t>フタンキン</t>
    </rPh>
    <phoneticPr fontId="4"/>
  </si>
  <si>
    <t>結核精神公費
一部負担金</t>
    <rPh sb="7" eb="9">
      <t>イチブ</t>
    </rPh>
    <rPh sb="9" eb="12">
      <t>フタンキン</t>
    </rPh>
    <phoneticPr fontId="4"/>
  </si>
  <si>
    <t>重度障害者一部負担金</t>
    <rPh sb="2" eb="5">
      <t>ショウガイシャ</t>
    </rPh>
    <rPh sb="5" eb="7">
      <t>イチブ</t>
    </rPh>
    <rPh sb="7" eb="9">
      <t>フタン</t>
    </rPh>
    <rPh sb="9" eb="10">
      <t>キン</t>
    </rPh>
    <phoneticPr fontId="4"/>
  </si>
  <si>
    <t>一部負担金割合</t>
    <rPh sb="2" eb="5">
      <t>フタンキン</t>
    </rPh>
    <rPh sb="5" eb="7">
      <t>ワリアイ</t>
    </rPh>
    <phoneticPr fontId="4"/>
  </si>
  <si>
    <t>第14表　国保条例及び福祉政策による給付割合の引上げの状況</t>
    <rPh sb="0" eb="1">
      <t>ダイ</t>
    </rPh>
    <rPh sb="3" eb="4">
      <t>ヒョウ</t>
    </rPh>
    <rPh sb="5" eb="7">
      <t>コクホ</t>
    </rPh>
    <rPh sb="7" eb="9">
      <t>ジョウレイ</t>
    </rPh>
    <rPh sb="9" eb="10">
      <t>オヨ</t>
    </rPh>
    <rPh sb="11" eb="13">
      <t>フクシ</t>
    </rPh>
    <rPh sb="13" eb="15">
      <t>セイサク</t>
    </rPh>
    <rPh sb="18" eb="20">
      <t>キュウフ</t>
    </rPh>
    <rPh sb="20" eb="22">
      <t>ワリアイ</t>
    </rPh>
    <rPh sb="23" eb="25">
      <t>ヒキア</t>
    </rPh>
    <rPh sb="27" eb="29">
      <t>ジョウキョウ</t>
    </rPh>
    <phoneticPr fontId="4"/>
  </si>
  <si>
    <t>（注）｢療養の給付等｣中、｢食事療養｣の件数は｢合計｣の件数に含めない。</t>
  </si>
  <si>
    <t>県　　         計</t>
    <phoneticPr fontId="9"/>
  </si>
  <si>
    <t>組   合   計</t>
    <phoneticPr fontId="9"/>
  </si>
  <si>
    <t xml:space="preserve"> 建設連合</t>
    <phoneticPr fontId="0"/>
  </si>
  <si>
    <t xml:space="preserve"> 建設連合</t>
    <phoneticPr fontId="0"/>
  </si>
  <si>
    <t xml:space="preserve"> 建設業</t>
    <phoneticPr fontId="0"/>
  </si>
  <si>
    <t xml:space="preserve"> 建設業</t>
    <phoneticPr fontId="0"/>
  </si>
  <si>
    <t xml:space="preserve"> 薬剤師</t>
    <phoneticPr fontId="0"/>
  </si>
  <si>
    <t xml:space="preserve"> 薬剤師</t>
    <phoneticPr fontId="0"/>
  </si>
  <si>
    <t xml:space="preserve"> 食品衛生</t>
    <phoneticPr fontId="0"/>
  </si>
  <si>
    <t xml:space="preserve"> 食品衛生</t>
    <phoneticPr fontId="0"/>
  </si>
  <si>
    <t xml:space="preserve"> 歯科医師</t>
    <phoneticPr fontId="0"/>
  </si>
  <si>
    <t xml:space="preserve"> 歯科医師</t>
    <phoneticPr fontId="0"/>
  </si>
  <si>
    <t xml:space="preserve"> 医　師</t>
    <phoneticPr fontId="0"/>
  </si>
  <si>
    <t xml:space="preserve"> 医　師</t>
    <phoneticPr fontId="0"/>
  </si>
  <si>
    <t>市町村計</t>
  </si>
  <si>
    <t xml:space="preserve"> 綾瀬市</t>
    <rPh sb="1" eb="3">
      <t>アヤセ</t>
    </rPh>
    <rPh sb="3" eb="4">
      <t>シ</t>
    </rPh>
    <phoneticPr fontId="9"/>
  </si>
  <si>
    <t xml:space="preserve"> 寒川町</t>
    <rPh sb="1" eb="4">
      <t>サムカワマチ</t>
    </rPh>
    <phoneticPr fontId="9"/>
  </si>
  <si>
    <t xml:space="preserve"> 葉山町</t>
    <rPh sb="1" eb="4">
      <t>ハヤママチ</t>
    </rPh>
    <phoneticPr fontId="9"/>
  </si>
  <si>
    <t xml:space="preserve"> 座間市</t>
    <phoneticPr fontId="9"/>
  </si>
  <si>
    <t xml:space="preserve"> 横浜市</t>
    <phoneticPr fontId="0"/>
  </si>
  <si>
    <t>費 用 額 (円)</t>
  </si>
  <si>
    <t>件　数</t>
  </si>
  <si>
    <t>費用額(円）</t>
  </si>
  <si>
    <t>費　用　額</t>
  </si>
  <si>
    <t>件  数</t>
    <phoneticPr fontId="9"/>
  </si>
  <si>
    <t>費 用 額 (円)</t>
    <phoneticPr fontId="9"/>
  </si>
  <si>
    <t>件数</t>
    <rPh sb="0" eb="2">
      <t>ケンスウ</t>
    </rPh>
    <phoneticPr fontId="9"/>
  </si>
  <si>
    <t>日　数</t>
  </si>
  <si>
    <t>件　数</t>
    <phoneticPr fontId="9"/>
  </si>
  <si>
    <t>処方箋枚数</t>
  </si>
  <si>
    <t>合     計    (Ｂ)</t>
    <phoneticPr fontId="9"/>
  </si>
  <si>
    <t>出　産　手　当　金</t>
    <rPh sb="0" eb="1">
      <t>デ</t>
    </rPh>
    <rPh sb="2" eb="3">
      <t>サン</t>
    </rPh>
    <rPh sb="4" eb="5">
      <t>テ</t>
    </rPh>
    <rPh sb="6" eb="7">
      <t>トウ</t>
    </rPh>
    <rPh sb="8" eb="9">
      <t>キン</t>
    </rPh>
    <phoneticPr fontId="9"/>
  </si>
  <si>
    <t>傷　病　手　当　金</t>
    <rPh sb="0" eb="1">
      <t>キズ</t>
    </rPh>
    <rPh sb="2" eb="3">
      <t>ビョウ</t>
    </rPh>
    <rPh sb="4" eb="5">
      <t>テ</t>
    </rPh>
    <rPh sb="6" eb="7">
      <t>トウ</t>
    </rPh>
    <rPh sb="8" eb="9">
      <t>キン</t>
    </rPh>
    <phoneticPr fontId="9"/>
  </si>
  <si>
    <t>葬 祭 費</t>
    <rPh sb="4" eb="5">
      <t>ヒ</t>
    </rPh>
    <phoneticPr fontId="0"/>
  </si>
  <si>
    <t>出産育児一時金</t>
    <rPh sb="4" eb="7">
      <t>イチジキン</t>
    </rPh>
    <phoneticPr fontId="0"/>
  </si>
  <si>
    <t>他 法 負 担 分</t>
    <phoneticPr fontId="0"/>
  </si>
  <si>
    <t>一　部　負　担　金</t>
    <phoneticPr fontId="9"/>
  </si>
  <si>
    <t>保険者負担分</t>
  </si>
  <si>
    <t>海外療養費（再掲）</t>
    <rPh sb="0" eb="2">
      <t>カイガイ</t>
    </rPh>
    <rPh sb="2" eb="5">
      <t>リョウヨウヒ</t>
    </rPh>
    <rPh sb="6" eb="7">
      <t>サイ</t>
    </rPh>
    <rPh sb="7" eb="8">
      <t>ケイ</t>
    </rPh>
    <phoneticPr fontId="9"/>
  </si>
  <si>
    <t>小計</t>
    <phoneticPr fontId="9"/>
  </si>
  <si>
    <t>その他</t>
    <phoneticPr fontId="9"/>
  </si>
  <si>
    <t>ハリ・キュウ</t>
    <phoneticPr fontId="9"/>
  </si>
  <si>
    <t>アンマ・マッサージ</t>
    <phoneticPr fontId="9"/>
  </si>
  <si>
    <t>柔　道　整　復　師</t>
    <rPh sb="0" eb="1">
      <t>ジュウ</t>
    </rPh>
    <rPh sb="2" eb="3">
      <t>ミチ</t>
    </rPh>
    <rPh sb="4" eb="5">
      <t>タダシ</t>
    </rPh>
    <rPh sb="6" eb="7">
      <t>マタ</t>
    </rPh>
    <rPh sb="8" eb="9">
      <t>シ</t>
    </rPh>
    <phoneticPr fontId="9"/>
  </si>
  <si>
    <t>補装具</t>
    <rPh sb="0" eb="3">
      <t>ホソウグ</t>
    </rPh>
    <phoneticPr fontId="9"/>
  </si>
  <si>
    <t>診療費</t>
    <phoneticPr fontId="9"/>
  </si>
  <si>
    <t>歯科</t>
    <phoneticPr fontId="9"/>
  </si>
  <si>
    <t>入院外</t>
    <phoneticPr fontId="9"/>
  </si>
  <si>
    <t>入院</t>
    <phoneticPr fontId="9"/>
  </si>
  <si>
    <t>移　送　費</t>
    <phoneticPr fontId="9"/>
  </si>
  <si>
    <t>療　　　　養　　　　費</t>
  </si>
  <si>
    <t>食事療養
生活療養</t>
    <rPh sb="2" eb="4">
      <t>リョウヨウ</t>
    </rPh>
    <rPh sb="5" eb="7">
      <t>セイカツ</t>
    </rPh>
    <rPh sb="7" eb="9">
      <t>リョウヨウ</t>
    </rPh>
    <phoneticPr fontId="0"/>
  </si>
  <si>
    <t>合計</t>
    <phoneticPr fontId="9"/>
  </si>
  <si>
    <t>訪問看護</t>
    <phoneticPr fontId="9"/>
  </si>
  <si>
    <t>食事療養・生活療養</t>
    <rPh sb="5" eb="7">
      <t>セイカツ</t>
    </rPh>
    <rPh sb="7" eb="9">
      <t>リョウヨウ</t>
    </rPh>
    <phoneticPr fontId="9"/>
  </si>
  <si>
    <t>調剤</t>
    <rPh sb="0" eb="1">
      <t>チョウ</t>
    </rPh>
    <rPh sb="1" eb="2">
      <t>ザイ</t>
    </rPh>
    <phoneticPr fontId="0"/>
  </si>
  <si>
    <t>診      　　　療　　　      費</t>
  </si>
  <si>
    <t>保   険   給   付   総   計
（Ａ）＋（Ｂ）</t>
    <phoneticPr fontId="0"/>
  </si>
  <si>
    <t>そ　　の　　他　　の　　保　　険　　給　　付</t>
  </si>
  <si>
    <t>高額介護合算療養費（再掲）</t>
    <rPh sb="0" eb="2">
      <t>コウガク</t>
    </rPh>
    <rPh sb="2" eb="4">
      <t>カイゴ</t>
    </rPh>
    <rPh sb="4" eb="6">
      <t>ガッサン</t>
    </rPh>
    <rPh sb="6" eb="9">
      <t>リョウヨウヒ</t>
    </rPh>
    <rPh sb="10" eb="12">
      <t>サイケイ</t>
    </rPh>
    <phoneticPr fontId="9"/>
  </si>
  <si>
    <t>高   額   療   養   費   (再掲)</t>
    <phoneticPr fontId="9"/>
  </si>
  <si>
    <t>療  養  諸  費  費  用  額  負  担  区  分</t>
  </si>
  <si>
    <t>療   養   諸   費   計   (Ａ）
＜療養の給付等＋療養費＞</t>
    <rPh sb="25" eb="27">
      <t>リョウヨウ</t>
    </rPh>
    <rPh sb="28" eb="30">
      <t>キュウフ</t>
    </rPh>
    <rPh sb="30" eb="31">
      <t>トウ</t>
    </rPh>
    <rPh sb="32" eb="35">
      <t>リョウヨウヒ</t>
    </rPh>
    <phoneticPr fontId="0"/>
  </si>
  <si>
    <t>療　養　費　等</t>
    <rPh sb="0" eb="1">
      <t>リョウ</t>
    </rPh>
    <rPh sb="2" eb="3">
      <t>オサム</t>
    </rPh>
    <rPh sb="4" eb="5">
      <t>ヒ</t>
    </rPh>
    <rPh sb="6" eb="7">
      <t>トウ</t>
    </rPh>
    <phoneticPr fontId="9"/>
  </si>
  <si>
    <t>療　　　　養　　　　費　　　　等</t>
    <rPh sb="0" eb="1">
      <t>リョウ</t>
    </rPh>
    <rPh sb="5" eb="6">
      <t>オサム</t>
    </rPh>
    <rPh sb="10" eb="11">
      <t>ヒ</t>
    </rPh>
    <rPh sb="15" eb="16">
      <t>トウ</t>
    </rPh>
    <phoneticPr fontId="9"/>
  </si>
  <si>
    <t>療　　養　　の　　給　　付　　等</t>
    <rPh sb="0" eb="1">
      <t>リョウ</t>
    </rPh>
    <rPh sb="3" eb="4">
      <t>オサム</t>
    </rPh>
    <rPh sb="9" eb="10">
      <t>キュウ</t>
    </rPh>
    <rPh sb="12" eb="13">
      <t>ヅケ</t>
    </rPh>
    <rPh sb="15" eb="16">
      <t>トウ</t>
    </rPh>
    <phoneticPr fontId="9"/>
  </si>
  <si>
    <t>療　　養　　の　　給　　付　　等</t>
  </si>
  <si>
    <t>（単位：円）</t>
  </si>
  <si>
    <t>第15表　保険給付状況（全被保険者分）－５</t>
    <rPh sb="12" eb="13">
      <t>ゼン</t>
    </rPh>
    <rPh sb="13" eb="17">
      <t>ヒホケンシャ</t>
    </rPh>
    <rPh sb="17" eb="18">
      <t>ブン</t>
    </rPh>
    <phoneticPr fontId="0"/>
  </si>
  <si>
    <t>第15表　保険給付状況（全被保険者分）－４</t>
    <rPh sb="12" eb="13">
      <t>ゼン</t>
    </rPh>
    <rPh sb="13" eb="17">
      <t>ヒホケンシャ</t>
    </rPh>
    <rPh sb="17" eb="18">
      <t>ブン</t>
    </rPh>
    <phoneticPr fontId="0"/>
  </si>
  <si>
    <t>第15表　保険給付状況（全被保険者分）－３</t>
    <rPh sb="12" eb="13">
      <t>ゼン</t>
    </rPh>
    <rPh sb="13" eb="17">
      <t>ヒホケンシャ</t>
    </rPh>
    <rPh sb="17" eb="18">
      <t>ブン</t>
    </rPh>
    <phoneticPr fontId="0"/>
  </si>
  <si>
    <t>第15表　保険給付状況（全被保険者分）－２</t>
    <rPh sb="12" eb="13">
      <t>ゼン</t>
    </rPh>
    <rPh sb="13" eb="17">
      <t>ヒホケンシャ</t>
    </rPh>
    <rPh sb="17" eb="18">
      <t>ブン</t>
    </rPh>
    <phoneticPr fontId="0"/>
  </si>
  <si>
    <t>第15表　保険給付状況（全被保険者分）－１</t>
    <rPh sb="12" eb="13">
      <t>ゼン</t>
    </rPh>
    <rPh sb="13" eb="17">
      <t>ヒホケンシャ</t>
    </rPh>
    <rPh sb="17" eb="18">
      <t>ブン</t>
    </rPh>
    <phoneticPr fontId="0"/>
  </si>
  <si>
    <t>県　　         計</t>
    <phoneticPr fontId="9"/>
  </si>
  <si>
    <t>県　　         計</t>
    <phoneticPr fontId="9"/>
  </si>
  <si>
    <t>－</t>
    <phoneticPr fontId="0"/>
  </si>
  <si>
    <t>－</t>
    <phoneticPr fontId="0"/>
  </si>
  <si>
    <t>組   合   計</t>
    <phoneticPr fontId="9"/>
  </si>
  <si>
    <t>－</t>
    <phoneticPr fontId="0"/>
  </si>
  <si>
    <t>－</t>
  </si>
  <si>
    <t>組   合   計</t>
    <phoneticPr fontId="9"/>
  </si>
  <si>
    <t>－</t>
    <phoneticPr fontId="0"/>
  </si>
  <si>
    <t>組   合   計</t>
    <phoneticPr fontId="9"/>
  </si>
  <si>
    <t>－</t>
    <phoneticPr fontId="0"/>
  </si>
  <si>
    <t xml:space="preserve"> 建設連合</t>
    <phoneticPr fontId="0"/>
  </si>
  <si>
    <t xml:space="preserve"> 建設業</t>
    <phoneticPr fontId="0"/>
  </si>
  <si>
    <t xml:space="preserve"> 歯科医師</t>
    <phoneticPr fontId="0"/>
  </si>
  <si>
    <t>横浜市</t>
  </si>
  <si>
    <t>件数</t>
    <phoneticPr fontId="0"/>
  </si>
  <si>
    <t>件数</t>
    <phoneticPr fontId="0"/>
  </si>
  <si>
    <t>費用額（円）</t>
    <rPh sb="0" eb="2">
      <t>ヒヨウ</t>
    </rPh>
    <rPh sb="2" eb="3">
      <t>ガク</t>
    </rPh>
    <rPh sb="4" eb="5">
      <t>エン</t>
    </rPh>
    <phoneticPr fontId="0"/>
  </si>
  <si>
    <t>件数</t>
    <rPh sb="0" eb="2">
      <t>ケンスウ</t>
    </rPh>
    <phoneticPr fontId="0"/>
  </si>
  <si>
    <t>費用額 (円)</t>
    <phoneticPr fontId="0"/>
  </si>
  <si>
    <t>費用額 (円)</t>
    <phoneticPr fontId="0"/>
  </si>
  <si>
    <t>日数</t>
    <phoneticPr fontId="0"/>
  </si>
  <si>
    <t>日数</t>
    <phoneticPr fontId="0"/>
  </si>
  <si>
    <t>件数</t>
    <phoneticPr fontId="0"/>
  </si>
  <si>
    <t>一部負担金</t>
    <rPh sb="0" eb="2">
      <t>イチブ</t>
    </rPh>
    <rPh sb="2" eb="5">
      <t>フタンキン</t>
    </rPh>
    <phoneticPr fontId="0"/>
  </si>
  <si>
    <t>海外療養費（再掲）</t>
    <rPh sb="0" eb="2">
      <t>カイガイ</t>
    </rPh>
    <rPh sb="2" eb="5">
      <t>リョウヨウヒ</t>
    </rPh>
    <rPh sb="6" eb="7">
      <t>サイ</t>
    </rPh>
    <rPh sb="7" eb="8">
      <t>ケイ</t>
    </rPh>
    <phoneticPr fontId="0"/>
  </si>
  <si>
    <t>小計</t>
    <phoneticPr fontId="0"/>
  </si>
  <si>
    <t>その他</t>
    <phoneticPr fontId="0"/>
  </si>
  <si>
    <t>ハリ・キュウ</t>
    <phoneticPr fontId="0"/>
  </si>
  <si>
    <t>アンマ・マッサージ</t>
    <phoneticPr fontId="0"/>
  </si>
  <si>
    <t>柔　道　整　復　師</t>
    <rPh sb="0" eb="1">
      <t>ジュウ</t>
    </rPh>
    <rPh sb="2" eb="3">
      <t>ミチ</t>
    </rPh>
    <rPh sb="4" eb="5">
      <t>タダシ</t>
    </rPh>
    <rPh sb="6" eb="7">
      <t>マタ</t>
    </rPh>
    <rPh sb="8" eb="9">
      <t>シ</t>
    </rPh>
    <phoneticPr fontId="0"/>
  </si>
  <si>
    <t>補　　装　　具　</t>
    <rPh sb="0" eb="1">
      <t>タスク</t>
    </rPh>
    <rPh sb="3" eb="4">
      <t>ソウ</t>
    </rPh>
    <rPh sb="6" eb="7">
      <t>グ</t>
    </rPh>
    <phoneticPr fontId="0"/>
  </si>
  <si>
    <t>診療費</t>
    <phoneticPr fontId="0"/>
  </si>
  <si>
    <t>小　　　　計</t>
  </si>
  <si>
    <t>歯科</t>
    <phoneticPr fontId="0"/>
  </si>
  <si>
    <t>入院外</t>
    <phoneticPr fontId="0"/>
  </si>
  <si>
    <t>入院</t>
    <phoneticPr fontId="0"/>
  </si>
  <si>
    <t>高額介護合算療養費(再掲)</t>
    <rPh sb="0" eb="2">
      <t>コウガク</t>
    </rPh>
    <rPh sb="2" eb="4">
      <t>カイゴ</t>
    </rPh>
    <rPh sb="4" eb="6">
      <t>ガッサン</t>
    </rPh>
    <rPh sb="6" eb="9">
      <t>リョウヨウヒ</t>
    </rPh>
    <phoneticPr fontId="0"/>
  </si>
  <si>
    <t>高 額 療 養 費(再掲)</t>
  </si>
  <si>
    <t>移送費</t>
    <phoneticPr fontId="0"/>
  </si>
  <si>
    <t>療　　養　　費</t>
    <rPh sb="0" eb="1">
      <t>リョウ</t>
    </rPh>
    <rPh sb="3" eb="4">
      <t>オサム</t>
    </rPh>
    <rPh sb="6" eb="7">
      <t>ヒ</t>
    </rPh>
    <phoneticPr fontId="0"/>
  </si>
  <si>
    <t>食事療養
生活療養
件　　数</t>
    <rPh sb="2" eb="4">
      <t>リョウヨウ</t>
    </rPh>
    <rPh sb="5" eb="7">
      <t>セイカツ</t>
    </rPh>
    <rPh sb="7" eb="9">
      <t>リョウヨウ</t>
    </rPh>
    <rPh sb="10" eb="11">
      <t>ケン</t>
    </rPh>
    <rPh sb="13" eb="14">
      <t>カズ</t>
    </rPh>
    <phoneticPr fontId="0"/>
  </si>
  <si>
    <t>合計</t>
    <phoneticPr fontId="0"/>
  </si>
  <si>
    <t>訪問看護</t>
    <phoneticPr fontId="0"/>
  </si>
  <si>
    <t>食事療養・生活療養</t>
    <rPh sb="5" eb="7">
      <t>セイカツ</t>
    </rPh>
    <rPh sb="7" eb="9">
      <t>リョウヨウ</t>
    </rPh>
    <phoneticPr fontId="0"/>
  </si>
  <si>
    <t>保険者名</t>
    <rPh sb="0" eb="3">
      <t>ホケンシャ</t>
    </rPh>
    <rPh sb="3" eb="4">
      <t>メイ</t>
    </rPh>
    <phoneticPr fontId="0"/>
  </si>
  <si>
    <t>療    養    諸    費    費    用    額    負    担    区    分</t>
    <phoneticPr fontId="0"/>
  </si>
  <si>
    <t>療　　　養　　　費　　　等</t>
    <rPh sb="0" eb="1">
      <t>リョウ</t>
    </rPh>
    <rPh sb="4" eb="5">
      <t>オサム</t>
    </rPh>
    <rPh sb="8" eb="9">
      <t>ヒ</t>
    </rPh>
    <rPh sb="12" eb="13">
      <t>トウ</t>
    </rPh>
    <phoneticPr fontId="0"/>
  </si>
  <si>
    <t>療         養         費         等</t>
    <phoneticPr fontId="0"/>
  </si>
  <si>
    <t>療　　養　　の　　給　　付　　等</t>
    <rPh sb="0" eb="1">
      <t>リョウ</t>
    </rPh>
    <rPh sb="3" eb="4">
      <t>オサム</t>
    </rPh>
    <rPh sb="9" eb="10">
      <t>キュウ</t>
    </rPh>
    <rPh sb="12" eb="13">
      <t>ヅケ</t>
    </rPh>
    <rPh sb="15" eb="16">
      <t>トウ</t>
    </rPh>
    <phoneticPr fontId="0"/>
  </si>
  <si>
    <t>療　　　養　　　の　　　給　　　付　　　等</t>
    <phoneticPr fontId="0"/>
  </si>
  <si>
    <t>（単位：円）</t>
    <phoneticPr fontId="0"/>
  </si>
  <si>
    <t>第16表　保険給付状況(退職被保険者等分 再掲)－４</t>
    <rPh sb="18" eb="19">
      <t>トウ</t>
    </rPh>
    <phoneticPr fontId="0"/>
  </si>
  <si>
    <t>第１７表　保険給付状況(退職被保険者等分 再掲)－４</t>
    <rPh sb="18" eb="19">
      <t>トウ</t>
    </rPh>
    <phoneticPr fontId="0"/>
  </si>
  <si>
    <t>第16表　保険給付状況(退職被保険者等分 再掲)－３</t>
    <rPh sb="18" eb="19">
      <t>トウ</t>
    </rPh>
    <phoneticPr fontId="0"/>
  </si>
  <si>
    <t>第16表　保険給付状況(退職被保険者等分 再掲)－２</t>
    <rPh sb="18" eb="19">
      <t>トウ</t>
    </rPh>
    <phoneticPr fontId="0"/>
  </si>
  <si>
    <t>第16表 保険給付状況(退職被保険者等分 再掲)－１</t>
    <rPh sb="18" eb="19">
      <t>トウ</t>
    </rPh>
    <phoneticPr fontId="0"/>
  </si>
  <si>
    <t>県            計</t>
    <phoneticPr fontId="0"/>
  </si>
  <si>
    <t>組   合   計</t>
    <phoneticPr fontId="0"/>
  </si>
  <si>
    <t>－</t>
    <phoneticPr fontId="0"/>
  </si>
  <si>
    <t xml:space="preserve"> 建設業</t>
    <phoneticPr fontId="0"/>
  </si>
  <si>
    <t>－</t>
    <phoneticPr fontId="0"/>
  </si>
  <si>
    <t>(1)+(2)</t>
    <phoneticPr fontId="0"/>
  </si>
  <si>
    <t>（２）</t>
  </si>
  <si>
    <t>（１）</t>
  </si>
  <si>
    <t>総 医 療 費</t>
  </si>
  <si>
    <t>前期高齢者</t>
    <rPh sb="0" eb="2">
      <t>ゼンキ</t>
    </rPh>
    <rPh sb="2" eb="5">
      <t>コウレイシャ</t>
    </rPh>
    <phoneticPr fontId="0"/>
  </si>
  <si>
    <t>退職者</t>
    <rPh sb="0" eb="3">
      <t>タイショクシャ</t>
    </rPh>
    <phoneticPr fontId="0"/>
  </si>
  <si>
    <t>一般</t>
    <phoneticPr fontId="0"/>
  </si>
  <si>
    <t>第17表 総医療費 (療養諸費等計）</t>
    <phoneticPr fontId="0"/>
  </si>
  <si>
    <t>県     平     均</t>
    <phoneticPr fontId="0"/>
  </si>
  <si>
    <t>組  合  平  均</t>
    <phoneticPr fontId="0"/>
  </si>
  <si>
    <t>市町村平均</t>
  </si>
  <si>
    <t>町村部平均</t>
  </si>
  <si>
    <t>市 部 平 均</t>
    <phoneticPr fontId="0"/>
  </si>
  <si>
    <t xml:space="preserve"> 薬剤師</t>
    <phoneticPr fontId="0"/>
  </si>
  <si>
    <t xml:space="preserve"> 歯科医師</t>
    <phoneticPr fontId="0"/>
  </si>
  <si>
    <t>順位</t>
  </si>
  <si>
    <t>円</t>
  </si>
  <si>
    <t>被保険者全体
（一般＋退職者）</t>
    <rPh sb="8" eb="10">
      <t>イッパン</t>
    </rPh>
    <rPh sb="11" eb="13">
      <t>タイショク</t>
    </rPh>
    <rPh sb="13" eb="14">
      <t>シャ</t>
    </rPh>
    <phoneticPr fontId="9"/>
  </si>
  <si>
    <t>一般</t>
    <rPh sb="0" eb="2">
      <t>イッパン</t>
    </rPh>
    <phoneticPr fontId="0"/>
  </si>
  <si>
    <t>第18表　一人当たり医療費の状況</t>
    <rPh sb="0" eb="1">
      <t>ダイ</t>
    </rPh>
    <rPh sb="3" eb="4">
      <t>ヒョウ</t>
    </rPh>
    <rPh sb="10" eb="12">
      <t>イリョウ</t>
    </rPh>
    <phoneticPr fontId="0"/>
  </si>
  <si>
    <t>組  合  平  均</t>
    <phoneticPr fontId="0"/>
  </si>
  <si>
    <t xml:space="preserve"> 建設業</t>
    <phoneticPr fontId="0"/>
  </si>
  <si>
    <t>順位</t>
    <rPh sb="0" eb="2">
      <t>ジュンイ</t>
    </rPh>
    <phoneticPr fontId="0"/>
  </si>
  <si>
    <t>円</t>
    <rPh sb="0" eb="1">
      <t>エン</t>
    </rPh>
    <phoneticPr fontId="0"/>
  </si>
  <si>
    <t>海外療養費</t>
    <rPh sb="0" eb="2">
      <t>カイガイ</t>
    </rPh>
    <rPh sb="2" eb="5">
      <t>リョウヨウヒ</t>
    </rPh>
    <phoneticPr fontId="0"/>
  </si>
  <si>
    <t>高額療養費</t>
    <rPh sb="0" eb="2">
      <t>コウガク</t>
    </rPh>
    <rPh sb="2" eb="5">
      <t>リョウヨウヒ</t>
    </rPh>
    <phoneticPr fontId="9"/>
  </si>
  <si>
    <t>ハリ・キュウ</t>
    <phoneticPr fontId="0"/>
  </si>
  <si>
    <t>アンマ・マッサージ</t>
    <phoneticPr fontId="0"/>
  </si>
  <si>
    <t>柔道整復師</t>
    <rPh sb="0" eb="2">
      <t>ジュウドウ</t>
    </rPh>
    <rPh sb="2" eb="4">
      <t>セイフク</t>
    </rPh>
    <rPh sb="4" eb="5">
      <t>シ</t>
    </rPh>
    <phoneticPr fontId="0"/>
  </si>
  <si>
    <t>第19表　一人当たり療養費等の状況</t>
    <rPh sb="0" eb="1">
      <t>ダイ</t>
    </rPh>
    <rPh sb="3" eb="4">
      <t>ヒョウ</t>
    </rPh>
    <rPh sb="10" eb="12">
      <t>リョウヨウ</t>
    </rPh>
    <rPh sb="13" eb="14">
      <t>トウ</t>
    </rPh>
    <phoneticPr fontId="0"/>
  </si>
  <si>
    <t>県　        　計</t>
    <phoneticPr fontId="0"/>
  </si>
  <si>
    <t>県　        　計</t>
    <phoneticPr fontId="0"/>
  </si>
  <si>
    <t>組  合  計</t>
    <phoneticPr fontId="0"/>
  </si>
  <si>
    <t xml:space="preserve"> 建設連合</t>
    <phoneticPr fontId="0"/>
  </si>
  <si>
    <t xml:space="preserve"> 薬剤師</t>
    <phoneticPr fontId="0"/>
  </si>
  <si>
    <t xml:space="preserve"> 食品衛生</t>
    <phoneticPr fontId="0"/>
  </si>
  <si>
    <t xml:space="preserve"> 歯科医師</t>
    <phoneticPr fontId="0"/>
  </si>
  <si>
    <t xml:space="preserve"> 医　師</t>
    <phoneticPr fontId="0"/>
  </si>
  <si>
    <t xml:space="preserve"> 清川村</t>
    <phoneticPr fontId="0"/>
  </si>
  <si>
    <t xml:space="preserve"> 清川村</t>
    <phoneticPr fontId="0"/>
  </si>
  <si>
    <t xml:space="preserve"> 愛川町</t>
    <phoneticPr fontId="0"/>
  </si>
  <si>
    <t xml:space="preserve"> 愛川町</t>
    <phoneticPr fontId="0"/>
  </si>
  <si>
    <t xml:space="preserve"> 湯河原町</t>
    <phoneticPr fontId="0"/>
  </si>
  <si>
    <t xml:space="preserve"> 真鶴町</t>
    <phoneticPr fontId="0"/>
  </si>
  <si>
    <t xml:space="preserve"> 箱根町</t>
    <phoneticPr fontId="0"/>
  </si>
  <si>
    <t xml:space="preserve"> 開成町</t>
    <phoneticPr fontId="0"/>
  </si>
  <si>
    <t xml:space="preserve"> 開成町</t>
    <phoneticPr fontId="0"/>
  </si>
  <si>
    <t xml:space="preserve"> 山北町</t>
    <phoneticPr fontId="0"/>
  </si>
  <si>
    <t xml:space="preserve"> 松田町</t>
    <phoneticPr fontId="0"/>
  </si>
  <si>
    <t xml:space="preserve"> 松田町</t>
    <phoneticPr fontId="0"/>
  </si>
  <si>
    <t xml:space="preserve"> 大井町</t>
    <phoneticPr fontId="0"/>
  </si>
  <si>
    <t xml:space="preserve"> 大井町</t>
    <phoneticPr fontId="0"/>
  </si>
  <si>
    <t xml:space="preserve"> 中井町</t>
    <phoneticPr fontId="0"/>
  </si>
  <si>
    <t xml:space="preserve"> 二宮町</t>
    <phoneticPr fontId="0"/>
  </si>
  <si>
    <t xml:space="preserve"> 大磯町</t>
    <phoneticPr fontId="0"/>
  </si>
  <si>
    <t xml:space="preserve"> 綾瀬市</t>
    <phoneticPr fontId="0"/>
  </si>
  <si>
    <t xml:space="preserve"> 寒川町</t>
    <phoneticPr fontId="0"/>
  </si>
  <si>
    <t xml:space="preserve"> 葉山町</t>
    <phoneticPr fontId="0"/>
  </si>
  <si>
    <t xml:space="preserve"> 葉山町</t>
    <phoneticPr fontId="0"/>
  </si>
  <si>
    <t xml:space="preserve"> 南足柄市</t>
    <phoneticPr fontId="0"/>
  </si>
  <si>
    <t xml:space="preserve"> 座間市</t>
    <phoneticPr fontId="0"/>
  </si>
  <si>
    <t xml:space="preserve"> 座間市</t>
    <phoneticPr fontId="0"/>
  </si>
  <si>
    <t xml:space="preserve"> 海老名市</t>
    <phoneticPr fontId="0"/>
  </si>
  <si>
    <t xml:space="preserve"> 伊勢原市</t>
    <phoneticPr fontId="0"/>
  </si>
  <si>
    <t xml:space="preserve"> 大和市</t>
    <phoneticPr fontId="0"/>
  </si>
  <si>
    <t xml:space="preserve"> 厚木市</t>
    <phoneticPr fontId="0"/>
  </si>
  <si>
    <t xml:space="preserve"> 厚木市</t>
    <phoneticPr fontId="0"/>
  </si>
  <si>
    <t xml:space="preserve"> 秦野市</t>
    <phoneticPr fontId="0"/>
  </si>
  <si>
    <t xml:space="preserve"> 秦野市</t>
    <phoneticPr fontId="0"/>
  </si>
  <si>
    <t xml:space="preserve"> 三浦市</t>
    <phoneticPr fontId="0"/>
  </si>
  <si>
    <t xml:space="preserve"> 相模原市</t>
    <phoneticPr fontId="0"/>
  </si>
  <si>
    <t xml:space="preserve"> 逗子市</t>
    <phoneticPr fontId="0"/>
  </si>
  <si>
    <t xml:space="preserve"> 逗子市</t>
    <phoneticPr fontId="0"/>
  </si>
  <si>
    <t xml:space="preserve"> 茅ヶ崎市</t>
    <phoneticPr fontId="0"/>
  </si>
  <si>
    <t xml:space="preserve"> 茅ヶ崎市</t>
    <phoneticPr fontId="0"/>
  </si>
  <si>
    <t xml:space="preserve"> 小田原市</t>
    <phoneticPr fontId="0"/>
  </si>
  <si>
    <t xml:space="preserve"> 藤沢市</t>
    <phoneticPr fontId="0"/>
  </si>
  <si>
    <t xml:space="preserve"> 藤沢市</t>
    <phoneticPr fontId="0"/>
  </si>
  <si>
    <t xml:space="preserve"> 鎌倉市</t>
    <phoneticPr fontId="0"/>
  </si>
  <si>
    <t xml:space="preserve"> 鎌倉市</t>
    <phoneticPr fontId="0"/>
  </si>
  <si>
    <t xml:space="preserve"> 平塚市</t>
    <phoneticPr fontId="0"/>
  </si>
  <si>
    <t xml:space="preserve"> 横須賀市</t>
    <phoneticPr fontId="0"/>
  </si>
  <si>
    <t xml:space="preserve"> 川崎市</t>
    <phoneticPr fontId="0"/>
  </si>
  <si>
    <t xml:space="preserve"> 横浜市</t>
    <phoneticPr fontId="0"/>
  </si>
  <si>
    <t xml:space="preserve"> 横浜市</t>
    <phoneticPr fontId="0"/>
  </si>
  <si>
    <t>件  数</t>
    <phoneticPr fontId="0"/>
  </si>
  <si>
    <t>件　数</t>
    <rPh sb="0" eb="1">
      <t>ケン</t>
    </rPh>
    <rPh sb="2" eb="3">
      <t>カズ</t>
    </rPh>
    <phoneticPr fontId="0"/>
  </si>
  <si>
    <t>件 数</t>
  </si>
  <si>
    <t>他法負担分</t>
    <phoneticPr fontId="0"/>
  </si>
  <si>
    <t>一部負担金</t>
    <phoneticPr fontId="0"/>
  </si>
  <si>
    <t>小計</t>
    <phoneticPr fontId="0"/>
  </si>
  <si>
    <t>歯科</t>
    <phoneticPr fontId="0"/>
  </si>
  <si>
    <t>入院外</t>
    <phoneticPr fontId="0"/>
  </si>
  <si>
    <t>入院</t>
    <phoneticPr fontId="0"/>
  </si>
  <si>
    <t>高  額  療  養  費  (再掲)</t>
    <phoneticPr fontId="0"/>
  </si>
  <si>
    <t>移　送　費</t>
    <rPh sb="0" eb="1">
      <t>ウツリ</t>
    </rPh>
    <rPh sb="2" eb="3">
      <t>ソウ</t>
    </rPh>
    <rPh sb="4" eb="5">
      <t>ヒ</t>
    </rPh>
    <phoneticPr fontId="0"/>
  </si>
  <si>
    <t>療　養　費</t>
    <rPh sb="0" eb="1">
      <t>リョウ</t>
    </rPh>
    <rPh sb="2" eb="3">
      <t>オサム</t>
    </rPh>
    <rPh sb="4" eb="5">
      <t>ヒ</t>
    </rPh>
    <phoneticPr fontId="0"/>
  </si>
  <si>
    <t xml:space="preserve">食事療養
生活療養
</t>
    <rPh sb="2" eb="4">
      <t>リョウヨウ</t>
    </rPh>
    <rPh sb="5" eb="7">
      <t>セイカツ</t>
    </rPh>
    <rPh sb="7" eb="9">
      <t>リョウヨウ</t>
    </rPh>
    <phoneticPr fontId="0"/>
  </si>
  <si>
    <t>合計</t>
    <phoneticPr fontId="0"/>
  </si>
  <si>
    <t>療  養  諸  費  費  用  額  負  担  区  分</t>
    <phoneticPr fontId="0"/>
  </si>
  <si>
    <t>療    養    費    等</t>
  </si>
  <si>
    <r>
      <t>第15</t>
    </r>
    <r>
      <rPr>
        <sz val="11"/>
        <rFont val="ＭＳ 明朝"/>
        <family val="1"/>
        <charset val="128"/>
      </rPr>
      <t>表　保険給付状況（未就学児分　再掲）－</t>
    </r>
    <r>
      <rPr>
        <sz val="11"/>
        <rFont val="ＭＳ 明朝"/>
        <family val="1"/>
        <charset val="128"/>
      </rPr>
      <t>11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6">
      <t>ミシュウガクジ</t>
    </rPh>
    <rPh sb="16" eb="17">
      <t>ブン</t>
    </rPh>
    <rPh sb="18" eb="20">
      <t>サイケイ</t>
    </rPh>
    <phoneticPr fontId="0"/>
  </si>
  <si>
    <r>
      <t>第15</t>
    </r>
    <r>
      <rPr>
        <sz val="11"/>
        <rFont val="ＭＳ 明朝"/>
        <family val="1"/>
        <charset val="128"/>
      </rPr>
      <t>表　保険給付状況（未就学児分　再掲）－</t>
    </r>
    <r>
      <rPr>
        <sz val="11"/>
        <rFont val="ＭＳ 明朝"/>
        <family val="1"/>
        <charset val="128"/>
      </rPr>
      <t>10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6">
      <t>ミシュウガクジ</t>
    </rPh>
    <rPh sb="16" eb="17">
      <t>ブン</t>
    </rPh>
    <rPh sb="18" eb="20">
      <t>サイケイ</t>
    </rPh>
    <phoneticPr fontId="0"/>
  </si>
  <si>
    <r>
      <t>第1</t>
    </r>
    <r>
      <rPr>
        <sz val="11"/>
        <rFont val="ＭＳ 明朝"/>
        <family val="1"/>
        <charset val="128"/>
      </rPr>
      <t>5</t>
    </r>
    <r>
      <rPr>
        <sz val="11"/>
        <rFont val="ＭＳ 明朝"/>
        <family val="1"/>
        <charset val="128"/>
      </rPr>
      <t>表　保険給付状況（未就学児分 　再掲）－９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6">
      <t>ミシュウガクジ</t>
    </rPh>
    <rPh sb="16" eb="17">
      <t>ブン</t>
    </rPh>
    <rPh sb="19" eb="21">
      <t>サイケイ</t>
    </rPh>
    <phoneticPr fontId="0"/>
  </si>
  <si>
    <t>県　        　計</t>
    <phoneticPr fontId="0"/>
  </si>
  <si>
    <t>組  合  計</t>
    <phoneticPr fontId="0"/>
  </si>
  <si>
    <t xml:space="preserve"> 建設連合</t>
    <phoneticPr fontId="0"/>
  </si>
  <si>
    <t xml:space="preserve"> 建設業</t>
    <phoneticPr fontId="0"/>
  </si>
  <si>
    <t xml:space="preserve"> 建設業</t>
    <phoneticPr fontId="0"/>
  </si>
  <si>
    <t xml:space="preserve"> 薬剤師</t>
    <phoneticPr fontId="0"/>
  </si>
  <si>
    <t xml:space="preserve"> 薬剤師</t>
    <phoneticPr fontId="0"/>
  </si>
  <si>
    <t xml:space="preserve"> 食品衛生</t>
    <phoneticPr fontId="0"/>
  </si>
  <si>
    <t xml:space="preserve"> 歯科医師</t>
    <phoneticPr fontId="0"/>
  </si>
  <si>
    <t xml:space="preserve"> 医　師</t>
    <phoneticPr fontId="0"/>
  </si>
  <si>
    <t xml:space="preserve"> 清川村</t>
    <phoneticPr fontId="0"/>
  </si>
  <si>
    <t xml:space="preserve"> 湯河原町</t>
    <phoneticPr fontId="0"/>
  </si>
  <si>
    <t xml:space="preserve"> 真鶴町</t>
    <phoneticPr fontId="0"/>
  </si>
  <si>
    <t xml:space="preserve"> 箱根町</t>
    <phoneticPr fontId="0"/>
  </si>
  <si>
    <t xml:space="preserve"> 開成町</t>
    <phoneticPr fontId="0"/>
  </si>
  <si>
    <t xml:space="preserve"> 山北町</t>
    <phoneticPr fontId="0"/>
  </si>
  <si>
    <t xml:space="preserve"> 松田町</t>
    <phoneticPr fontId="0"/>
  </si>
  <si>
    <t xml:space="preserve"> 中井町</t>
    <phoneticPr fontId="0"/>
  </si>
  <si>
    <t xml:space="preserve"> 二宮町</t>
    <phoneticPr fontId="0"/>
  </si>
  <si>
    <t xml:space="preserve"> 大磯町</t>
    <phoneticPr fontId="0"/>
  </si>
  <si>
    <t xml:space="preserve"> 綾瀬市</t>
    <phoneticPr fontId="0"/>
  </si>
  <si>
    <t xml:space="preserve"> 寒川町</t>
    <phoneticPr fontId="0"/>
  </si>
  <si>
    <t xml:space="preserve"> 葉山町</t>
    <phoneticPr fontId="0"/>
  </si>
  <si>
    <t xml:space="preserve"> 南足柄市</t>
    <phoneticPr fontId="0"/>
  </si>
  <si>
    <t xml:space="preserve"> 座間市</t>
    <phoneticPr fontId="0"/>
  </si>
  <si>
    <t xml:space="preserve"> 海老名市</t>
    <phoneticPr fontId="0"/>
  </si>
  <si>
    <t xml:space="preserve"> 伊勢原市</t>
    <phoneticPr fontId="0"/>
  </si>
  <si>
    <t xml:space="preserve"> 伊勢原市</t>
    <phoneticPr fontId="0"/>
  </si>
  <si>
    <t xml:space="preserve"> 大和市</t>
    <phoneticPr fontId="0"/>
  </si>
  <si>
    <t xml:space="preserve"> 大和市</t>
    <phoneticPr fontId="0"/>
  </si>
  <si>
    <t xml:space="preserve"> 厚木市</t>
    <phoneticPr fontId="0"/>
  </si>
  <si>
    <t xml:space="preserve"> 三浦市</t>
    <phoneticPr fontId="0"/>
  </si>
  <si>
    <t xml:space="preserve"> 相模原市</t>
    <phoneticPr fontId="0"/>
  </si>
  <si>
    <t xml:space="preserve"> 茅ヶ崎市</t>
    <phoneticPr fontId="0"/>
  </si>
  <si>
    <t xml:space="preserve"> 小田原市</t>
    <phoneticPr fontId="0"/>
  </si>
  <si>
    <t xml:space="preserve"> 平塚市</t>
    <phoneticPr fontId="0"/>
  </si>
  <si>
    <t xml:space="preserve"> 横須賀市</t>
    <phoneticPr fontId="0"/>
  </si>
  <si>
    <t xml:space="preserve"> 川崎市</t>
    <phoneticPr fontId="0"/>
  </si>
  <si>
    <t>他法負担分</t>
    <phoneticPr fontId="0"/>
  </si>
  <si>
    <t>一 部 負 担 金</t>
  </si>
  <si>
    <t>小計</t>
    <phoneticPr fontId="0"/>
  </si>
  <si>
    <t>歯科</t>
    <phoneticPr fontId="0"/>
  </si>
  <si>
    <t>入院外</t>
    <phoneticPr fontId="0"/>
  </si>
  <si>
    <t>入院</t>
    <phoneticPr fontId="0"/>
  </si>
  <si>
    <t>高  額  療  養  費 (再掲)</t>
    <phoneticPr fontId="0"/>
  </si>
  <si>
    <t>食事療養   生活療養</t>
    <rPh sb="0" eb="2">
      <t>ショクジ</t>
    </rPh>
    <rPh sb="2" eb="4">
      <t>リョウヨウ</t>
    </rPh>
    <rPh sb="7" eb="9">
      <t>セイカツ</t>
    </rPh>
    <rPh sb="9" eb="11">
      <t>リョウヨウ</t>
    </rPh>
    <phoneticPr fontId="0"/>
  </si>
  <si>
    <t>合計</t>
    <phoneticPr fontId="0"/>
  </si>
  <si>
    <t>訪問看護</t>
    <phoneticPr fontId="0"/>
  </si>
  <si>
    <t>療  養  諸  費  計  (Ａ）
＜療養の給付等＋療養費＞</t>
    <rPh sb="20" eb="22">
      <t>リョウヨウ</t>
    </rPh>
    <rPh sb="23" eb="25">
      <t>キュウフ</t>
    </rPh>
    <rPh sb="25" eb="26">
      <t>トウ</t>
    </rPh>
    <rPh sb="27" eb="30">
      <t>リョウヨウヒ</t>
    </rPh>
    <phoneticPr fontId="0"/>
  </si>
  <si>
    <t>療　　    養 　　   費　　    等</t>
    <phoneticPr fontId="0"/>
  </si>
  <si>
    <t>療 　　養　 　の　　 給　 　付　　 等</t>
    <phoneticPr fontId="0"/>
  </si>
  <si>
    <r>
      <t>第1</t>
    </r>
    <r>
      <rPr>
        <sz val="11"/>
        <rFont val="ＭＳ 明朝"/>
        <family val="1"/>
        <charset val="128"/>
      </rPr>
      <t>5</t>
    </r>
    <r>
      <rPr>
        <sz val="11"/>
        <rFont val="ＭＳ 明朝"/>
        <family val="1"/>
        <charset val="128"/>
      </rPr>
      <t>表　保険給付状況（前期高齢者分　再掲）－８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4">
      <t>ゼンキ</t>
    </rPh>
    <rPh sb="14" eb="17">
      <t>コウレイシャ</t>
    </rPh>
    <rPh sb="17" eb="18">
      <t>ブン</t>
    </rPh>
    <rPh sb="19" eb="21">
      <t>サイケイ</t>
    </rPh>
    <phoneticPr fontId="0"/>
  </si>
  <si>
    <r>
      <t>第1</t>
    </r>
    <r>
      <rPr>
        <sz val="11"/>
        <rFont val="ＭＳ 明朝"/>
        <family val="1"/>
        <charset val="128"/>
      </rPr>
      <t>5</t>
    </r>
    <r>
      <rPr>
        <sz val="11"/>
        <rFont val="ＭＳ 明朝"/>
        <family val="1"/>
        <charset val="128"/>
      </rPr>
      <t>表　保険給付状況（前期高齢者分　再掲）－７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4">
      <t>ゼンキ</t>
    </rPh>
    <rPh sb="14" eb="17">
      <t>コウレイシャ</t>
    </rPh>
    <rPh sb="17" eb="18">
      <t>ブン</t>
    </rPh>
    <rPh sb="19" eb="21">
      <t>サイケイ</t>
    </rPh>
    <phoneticPr fontId="0"/>
  </si>
  <si>
    <r>
      <t>第1</t>
    </r>
    <r>
      <rPr>
        <sz val="11"/>
        <rFont val="ＭＳ 明朝"/>
        <family val="1"/>
        <charset val="128"/>
      </rPr>
      <t>5</t>
    </r>
    <r>
      <rPr>
        <sz val="11"/>
        <rFont val="ＭＳ 明朝"/>
        <family val="1"/>
        <charset val="128"/>
      </rPr>
      <t>表　保険給付状況（前期高齢者分　再掲）－６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4">
      <t>ゼンキ</t>
    </rPh>
    <rPh sb="14" eb="17">
      <t>コウレイシャ</t>
    </rPh>
    <rPh sb="17" eb="18">
      <t>ブン</t>
    </rPh>
    <rPh sb="19" eb="21">
      <t>サイケイ</t>
    </rPh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7">
    <numFmt numFmtId="176" formatCode="0.000"/>
    <numFmt numFmtId="177" formatCode="#,##0.000;\-#,##0.000"/>
    <numFmt numFmtId="178" formatCode="[$-411]ggge&quot;年&quot;m&quot;月&quot;d&quot;日&quot;;@"/>
    <numFmt numFmtId="179" formatCode="#,##0_ ;[Red]\-#,##0\ "/>
    <numFmt numFmtId="180" formatCode="0_);[Red]\(0\)"/>
    <numFmt numFmtId="181" formatCode="#,##0_ ;[Red]\-#,##0"/>
    <numFmt numFmtId="182" formatCode="#,##0;[Red]\-#,##0\ "/>
  </numFmts>
  <fonts count="33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4"/>
      <name val="Terminal"/>
      <family val="3"/>
      <charset val="255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8"/>
      <name val="ＭＳ Ｐゴシック"/>
      <family val="3"/>
      <charset val="128"/>
    </font>
    <font>
      <sz val="11"/>
      <name val="ＭＳ 明朝"/>
      <family val="1"/>
      <charset val="128"/>
    </font>
    <font>
      <sz val="8"/>
      <color indexed="10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明朝"/>
      <family val="1"/>
      <charset val="128"/>
    </font>
    <font>
      <sz val="10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明朝"/>
      <family val="1"/>
      <charset val="128"/>
    </font>
    <font>
      <sz val="11"/>
      <color theme="3" tint="0.39997558519241921"/>
      <name val="ＭＳ Ｐゴシック"/>
      <family val="3"/>
      <charset val="128"/>
    </font>
    <font>
      <sz val="10"/>
      <color theme="3" tint="0.39997558519241921"/>
      <name val="ＭＳ Ｐゴシック"/>
      <family val="3"/>
      <charset val="128"/>
    </font>
    <font>
      <sz val="9"/>
      <color theme="3" tint="0.39997558519241921"/>
      <name val="ＭＳ Ｐゴシック"/>
      <family val="3"/>
      <charset val="128"/>
    </font>
    <font>
      <sz val="11"/>
      <color rgb="FF0070C0"/>
      <name val="ＭＳ Ｐゴシック"/>
      <family val="3"/>
      <charset val="128"/>
    </font>
    <font>
      <sz val="10"/>
      <color rgb="FF0070C0"/>
      <name val="ＭＳ Ｐゴシック"/>
      <family val="3"/>
      <charset val="128"/>
    </font>
    <font>
      <sz val="11"/>
      <color theme="4" tint="-0.249977111117893"/>
      <name val="ＭＳ Ｐゴシック"/>
      <family val="3"/>
      <charset val="128"/>
    </font>
    <font>
      <sz val="10"/>
      <color theme="4" tint="-0.249977111117893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14"/>
      <name val="Terminal"/>
      <charset val="128"/>
    </font>
    <font>
      <sz val="9"/>
      <color rgb="FFFF0000"/>
      <name val="ＭＳ Ｐゴシック"/>
      <family val="3"/>
      <charset val="128"/>
    </font>
    <font>
      <u/>
      <sz val="9"/>
      <name val="ＭＳ Ｐゴシック"/>
      <family val="3"/>
      <charset val="128"/>
    </font>
    <font>
      <sz val="8.5"/>
      <name val="ＭＳ Ｐゴシック"/>
      <family val="3"/>
      <charset val="128"/>
    </font>
    <font>
      <sz val="9"/>
      <name val="ＭＳ 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8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8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8"/>
      </right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8"/>
      </left>
      <right/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64"/>
      </right>
      <top/>
      <bottom style="thin">
        <color indexed="8"/>
      </bottom>
      <diagonal/>
    </border>
    <border>
      <left style="medium">
        <color indexed="64"/>
      </left>
      <right/>
      <top/>
      <bottom style="thin">
        <color indexed="8"/>
      </bottom>
      <diagonal/>
    </border>
    <border>
      <left style="thin">
        <color indexed="8"/>
      </left>
      <right style="medium">
        <color indexed="64"/>
      </right>
      <top/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 style="thin">
        <color indexed="64"/>
      </right>
      <top style="thin">
        <color indexed="8"/>
      </top>
      <bottom style="double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64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/>
      <top/>
      <bottom style="thin">
        <color indexed="8"/>
      </bottom>
      <diagonal/>
    </border>
    <border>
      <left style="thin">
        <color indexed="8"/>
      </left>
      <right style="thin">
        <color indexed="64"/>
      </right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/>
      <bottom style="double">
        <color indexed="64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double">
        <color indexed="64"/>
      </bottom>
      <diagonal/>
    </border>
    <border>
      <left style="thin">
        <color indexed="8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8"/>
      </right>
      <top/>
      <bottom style="double">
        <color indexed="64"/>
      </bottom>
      <diagonal/>
    </border>
    <border>
      <left style="thin">
        <color indexed="8"/>
      </left>
      <right style="thin">
        <color indexed="64"/>
      </right>
      <top/>
      <bottom style="double">
        <color indexed="64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8"/>
      </right>
      <top/>
      <bottom/>
      <diagonal/>
    </border>
    <border>
      <left style="medium">
        <color indexed="64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64"/>
      </right>
      <top style="double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double">
        <color indexed="8"/>
      </top>
      <bottom style="thin">
        <color indexed="8"/>
      </bottom>
      <diagonal/>
    </border>
    <border>
      <left style="thin">
        <color indexed="64"/>
      </left>
      <right/>
      <top style="double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 style="double">
        <color indexed="8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64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double">
        <color indexed="8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8"/>
      </top>
      <bottom/>
      <diagonal/>
    </border>
    <border>
      <left style="thin">
        <color indexed="8"/>
      </left>
      <right style="medium">
        <color indexed="64"/>
      </right>
      <top style="thin">
        <color indexed="8"/>
      </top>
      <bottom style="double">
        <color indexed="8"/>
      </bottom>
      <diagonal/>
    </border>
    <border>
      <left style="medium">
        <color indexed="64"/>
      </left>
      <right/>
      <top/>
      <bottom style="double">
        <color indexed="8"/>
      </bottom>
      <diagonal/>
    </border>
    <border>
      <left style="thin">
        <color indexed="8"/>
      </left>
      <right style="medium">
        <color indexed="64"/>
      </right>
      <top/>
      <bottom style="double">
        <color indexed="8"/>
      </bottom>
      <diagonal/>
    </border>
    <border>
      <left style="thin">
        <color indexed="8"/>
      </left>
      <right/>
      <top/>
      <bottom style="double">
        <color indexed="8"/>
      </bottom>
      <diagonal/>
    </border>
    <border>
      <left style="thin">
        <color indexed="8"/>
      </left>
      <right style="thin">
        <color indexed="8"/>
      </right>
      <top/>
      <bottom style="double">
        <color indexed="8"/>
      </bottom>
      <diagonal/>
    </border>
    <border>
      <left/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8"/>
      </bottom>
      <diagonal/>
    </border>
    <border>
      <left style="thin">
        <color indexed="64"/>
      </left>
      <right/>
      <top/>
      <bottom style="double">
        <color indexed="8"/>
      </bottom>
      <diagonal/>
    </border>
    <border>
      <left/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double">
        <color indexed="8"/>
      </bottom>
      <diagonal/>
    </border>
    <border>
      <left style="thin">
        <color indexed="64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/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/>
      <right/>
      <top/>
      <bottom style="double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double">
        <color indexed="64"/>
      </bottom>
      <diagonal/>
    </border>
    <border>
      <left style="thin">
        <color indexed="8"/>
      </left>
      <right style="thin">
        <color indexed="64"/>
      </right>
      <top/>
      <bottom style="double">
        <color indexed="8"/>
      </bottom>
      <diagonal/>
    </border>
    <border>
      <left/>
      <right style="medium">
        <color indexed="64"/>
      </right>
      <top/>
      <bottom style="thin">
        <color indexed="8"/>
      </bottom>
      <diagonal/>
    </border>
    <border>
      <left/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 style="thin">
        <color indexed="64"/>
      </right>
      <top/>
      <bottom style="thin">
        <color indexed="8"/>
      </bottom>
      <diagonal/>
    </border>
    <border>
      <left/>
      <right style="medium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/>
      <top style="thin">
        <color indexed="8"/>
      </top>
      <bottom style="thin">
        <color indexed="64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/>
      <right style="thin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 style="thin">
        <color indexed="64"/>
      </left>
      <right/>
      <top style="thin">
        <color indexed="8"/>
      </top>
      <bottom/>
      <diagonal/>
    </border>
    <border>
      <left/>
      <right style="thin">
        <color indexed="64"/>
      </right>
      <top style="thin">
        <color indexed="8"/>
      </top>
      <bottom style="thin">
        <color indexed="64"/>
      </bottom>
      <diagonal/>
    </border>
    <border>
      <left/>
      <right/>
      <top style="thin">
        <color indexed="8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8"/>
      </bottom>
      <diagonal/>
    </border>
    <border>
      <left/>
      <right/>
      <top style="medium">
        <color indexed="64"/>
      </top>
      <bottom style="thin">
        <color indexed="8"/>
      </bottom>
      <diagonal/>
    </border>
    <border>
      <left style="thin">
        <color indexed="64"/>
      </left>
      <right/>
      <top style="medium">
        <color indexed="64"/>
      </top>
      <bottom style="thin">
        <color indexed="8"/>
      </bottom>
      <diagonal/>
    </border>
    <border>
      <left/>
      <right style="thin">
        <color indexed="8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8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8"/>
      </bottom>
      <diagonal/>
    </border>
    <border>
      <left style="thin">
        <color indexed="64"/>
      </left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 style="medium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8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64"/>
      </left>
      <right/>
      <top style="thin">
        <color indexed="64"/>
      </top>
      <bottom style="thin">
        <color indexed="8"/>
      </bottom>
      <diagonal/>
    </border>
    <border>
      <left style="thin">
        <color indexed="64"/>
      </left>
      <right style="medium">
        <color indexed="64"/>
      </right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/>
      <bottom style="thin">
        <color indexed="8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 style="double">
        <color indexed="64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/>
      <bottom style="medium">
        <color indexed="64"/>
      </bottom>
      <diagonal/>
    </border>
    <border>
      <left style="thin">
        <color indexed="8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8"/>
      </right>
      <top/>
      <bottom style="medium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8"/>
      </right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8"/>
      </top>
      <bottom style="double">
        <color indexed="8"/>
      </bottom>
      <diagonal/>
    </border>
    <border>
      <left style="thin">
        <color indexed="8"/>
      </left>
      <right/>
      <top style="double">
        <color indexed="8"/>
      </top>
      <bottom style="double">
        <color indexed="8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double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8"/>
      </right>
      <top style="thin">
        <color indexed="8"/>
      </top>
      <bottom/>
      <diagonal/>
    </border>
    <border>
      <left/>
      <right/>
      <top style="thin">
        <color indexed="64"/>
      </top>
      <bottom style="thin">
        <color indexed="8"/>
      </bottom>
      <diagonal/>
    </border>
    <border>
      <left style="thin">
        <color indexed="8"/>
      </left>
      <right/>
      <top style="thin">
        <color indexed="64"/>
      </top>
      <bottom/>
      <diagonal/>
    </border>
    <border>
      <left style="thin">
        <color indexed="8"/>
      </left>
      <right/>
      <top/>
      <bottom style="thin">
        <color indexed="64"/>
      </bottom>
      <diagonal/>
    </border>
    <border>
      <left style="thin">
        <color indexed="8"/>
      </left>
      <right style="thin">
        <color indexed="64"/>
      </right>
      <top/>
      <bottom style="medium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double">
        <color indexed="8"/>
      </top>
      <bottom style="double">
        <color indexed="8"/>
      </bottom>
      <diagonal/>
    </border>
    <border>
      <left style="thin">
        <color indexed="64"/>
      </left>
      <right/>
      <top style="double">
        <color indexed="8"/>
      </top>
      <bottom style="double">
        <color indexed="8"/>
      </bottom>
      <diagonal/>
    </border>
    <border>
      <left/>
      <right/>
      <top style="double">
        <color indexed="8"/>
      </top>
      <bottom style="double">
        <color indexed="8"/>
      </bottom>
      <diagonal/>
    </border>
    <border>
      <left style="thin">
        <color indexed="8"/>
      </left>
      <right style="medium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8"/>
      </left>
      <right/>
      <top style="thin">
        <color indexed="64"/>
      </top>
      <bottom style="thin">
        <color indexed="8"/>
      </bottom>
      <diagonal/>
    </border>
    <border>
      <left style="thin">
        <color indexed="8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8"/>
      </top>
      <bottom style="thin">
        <color indexed="64"/>
      </bottom>
      <diagonal/>
    </border>
    <border>
      <left style="thin">
        <color indexed="8"/>
      </left>
      <right/>
      <top style="double">
        <color indexed="8"/>
      </top>
      <bottom style="thin">
        <color indexed="64"/>
      </bottom>
      <diagonal/>
    </border>
    <border>
      <left/>
      <right style="thin">
        <color indexed="8"/>
      </right>
      <top/>
      <bottom/>
      <diagonal/>
    </border>
    <border>
      <left/>
      <right style="thin">
        <color indexed="64"/>
      </right>
      <top style="thin">
        <color indexed="8"/>
      </top>
      <bottom/>
      <diagonal/>
    </border>
    <border>
      <left style="thin">
        <color indexed="8"/>
      </left>
      <right/>
      <top style="medium">
        <color indexed="64"/>
      </top>
      <bottom/>
      <diagonal/>
    </border>
    <border>
      <left/>
      <right style="thin">
        <color indexed="8"/>
      </right>
      <top style="medium">
        <color indexed="64"/>
      </top>
      <bottom/>
      <diagonal/>
    </border>
  </borders>
  <cellStyleXfs count="9">
    <xf numFmtId="0" fontId="0" fillId="0" borderId="0"/>
    <xf numFmtId="38" fontId="1" fillId="0" borderId="0" applyFont="0" applyFill="0" applyBorder="0" applyAlignment="0" applyProtection="0"/>
    <xf numFmtId="37" fontId="3" fillId="0" borderId="0"/>
    <xf numFmtId="37" fontId="24" fillId="0" borderId="0"/>
    <xf numFmtId="37" fontId="24" fillId="0" borderId="0"/>
    <xf numFmtId="0" fontId="2" fillId="0" borderId="0"/>
    <xf numFmtId="38" fontId="2" fillId="0" borderId="0" applyFont="0" applyFill="0" applyBorder="0" applyAlignment="0" applyProtection="0"/>
    <xf numFmtId="37" fontId="3" fillId="0" borderId="0"/>
    <xf numFmtId="0" fontId="2" fillId="0" borderId="0"/>
  </cellStyleXfs>
  <cellXfs count="1171">
    <xf numFmtId="0" fontId="0" fillId="0" borderId="0" xfId="0"/>
    <xf numFmtId="37" fontId="6" fillId="0" borderId="0" xfId="2" applyFont="1" applyFill="1" applyAlignment="1"/>
    <xf numFmtId="37" fontId="14" fillId="0" borderId="13" xfId="2" applyFont="1" applyFill="1" applyBorder="1" applyAlignment="1" applyProtection="1">
      <alignment horizontal="center"/>
    </xf>
    <xf numFmtId="37" fontId="14" fillId="0" borderId="0" xfId="2" applyFont="1" applyFill="1" applyBorder="1" applyAlignment="1" applyProtection="1">
      <protection locked="0"/>
    </xf>
    <xf numFmtId="37" fontId="14" fillId="0" borderId="10" xfId="2" applyFont="1" applyFill="1" applyBorder="1" applyAlignment="1" applyProtection="1"/>
    <xf numFmtId="37" fontId="14" fillId="0" borderId="19" xfId="2" applyFont="1" applyFill="1" applyBorder="1" applyAlignment="1" applyProtection="1"/>
    <xf numFmtId="37" fontId="2" fillId="0" borderId="0" xfId="2" quotePrefix="1" applyFont="1" applyFill="1" applyAlignment="1"/>
    <xf numFmtId="37" fontId="2" fillId="0" borderId="0" xfId="2" applyFont="1" applyFill="1" applyAlignment="1"/>
    <xf numFmtId="37" fontId="6" fillId="0" borderId="0" xfId="2" quotePrefix="1" applyFont="1" applyFill="1" applyBorder="1" applyAlignment="1">
      <alignment horizontal="right"/>
    </xf>
    <xf numFmtId="37" fontId="14" fillId="0" borderId="5" xfId="2" applyFont="1" applyFill="1" applyBorder="1" applyAlignment="1"/>
    <xf numFmtId="0" fontId="15" fillId="0" borderId="24" xfId="0" applyFont="1" applyFill="1" applyBorder="1" applyAlignment="1"/>
    <xf numFmtId="0" fontId="15" fillId="0" borderId="25" xfId="0" applyFont="1" applyFill="1" applyBorder="1" applyAlignment="1"/>
    <xf numFmtId="37" fontId="14" fillId="0" borderId="24" xfId="2" applyFont="1" applyFill="1" applyBorder="1" applyAlignment="1">
      <alignment horizontal="centerContinuous"/>
    </xf>
    <xf numFmtId="37" fontId="14" fillId="0" borderId="24" xfId="2" applyFont="1" applyFill="1" applyBorder="1" applyAlignment="1" applyProtection="1">
      <alignment horizontal="centerContinuous"/>
    </xf>
    <xf numFmtId="37" fontId="14" fillId="0" borderId="25" xfId="2" applyFont="1" applyFill="1" applyBorder="1" applyAlignment="1">
      <alignment horizontal="centerContinuous"/>
    </xf>
    <xf numFmtId="37" fontId="14" fillId="0" borderId="0" xfId="2" applyFont="1" applyFill="1" applyAlignment="1"/>
    <xf numFmtId="37" fontId="14" fillId="0" borderId="6" xfId="2" applyFont="1" applyFill="1" applyBorder="1" applyAlignment="1" applyProtection="1">
      <alignment horizontal="center"/>
    </xf>
    <xf numFmtId="37" fontId="14" fillId="0" borderId="19" xfId="2" applyFont="1" applyFill="1" applyBorder="1" applyAlignment="1">
      <alignment horizontal="centerContinuous"/>
    </xf>
    <xf numFmtId="37" fontId="14" fillId="0" borderId="10" xfId="2" applyFont="1" applyFill="1" applyBorder="1" applyAlignment="1">
      <alignment horizontal="centerContinuous"/>
    </xf>
    <xf numFmtId="37" fontId="14" fillId="0" borderId="10" xfId="2" applyFont="1" applyFill="1" applyBorder="1" applyAlignment="1" applyProtection="1">
      <alignment horizontal="centerContinuous"/>
    </xf>
    <xf numFmtId="37" fontId="14" fillId="0" borderId="21" xfId="2" applyFont="1" applyFill="1" applyBorder="1" applyAlignment="1" applyProtection="1">
      <alignment horizontal="center"/>
    </xf>
    <xf numFmtId="37" fontId="14" fillId="0" borderId="19" xfId="2" applyFont="1" applyFill="1" applyBorder="1" applyAlignment="1" applyProtection="1">
      <alignment horizontal="centerContinuous"/>
    </xf>
    <xf numFmtId="37" fontId="14" fillId="0" borderId="7" xfId="2" applyFont="1" applyFill="1" applyBorder="1" applyAlignment="1" applyProtection="1">
      <alignment horizontal="left"/>
    </xf>
    <xf numFmtId="37" fontId="14" fillId="0" borderId="3" xfId="2" applyFont="1" applyFill="1" applyBorder="1" applyAlignment="1" applyProtection="1">
      <alignment horizontal="center"/>
    </xf>
    <xf numFmtId="37" fontId="14" fillId="0" borderId="27" xfId="2" applyFont="1" applyFill="1" applyBorder="1" applyAlignment="1" applyProtection="1">
      <alignment horizontal="center"/>
    </xf>
    <xf numFmtId="37" fontId="14" fillId="0" borderId="28" xfId="2" applyFont="1" applyFill="1" applyBorder="1" applyAlignment="1" applyProtection="1">
      <alignment horizontal="center"/>
    </xf>
    <xf numFmtId="37" fontId="14" fillId="0" borderId="29" xfId="2" applyFont="1" applyFill="1" applyBorder="1" applyAlignment="1" applyProtection="1">
      <alignment horizontal="center"/>
    </xf>
    <xf numFmtId="37" fontId="14" fillId="0" borderId="30" xfId="2" applyFont="1" applyFill="1" applyBorder="1" applyAlignment="1" applyProtection="1">
      <alignment horizontal="center"/>
    </xf>
    <xf numFmtId="37" fontId="14" fillId="0" borderId="31" xfId="2" applyFont="1" applyFill="1" applyBorder="1" applyAlignment="1" applyProtection="1">
      <alignment horizontal="center"/>
    </xf>
    <xf numFmtId="37" fontId="14" fillId="0" borderId="32" xfId="2" applyFont="1" applyFill="1" applyBorder="1" applyAlignment="1" applyProtection="1">
      <alignment horizontal="center"/>
    </xf>
    <xf numFmtId="37" fontId="14" fillId="0" borderId="33" xfId="2" applyFont="1" applyFill="1" applyBorder="1" applyAlignment="1" applyProtection="1">
      <alignment horizontal="center"/>
    </xf>
    <xf numFmtId="37" fontId="14" fillId="0" borderId="30" xfId="2" applyFont="1" applyFill="1" applyBorder="1" applyAlignment="1" applyProtection="1">
      <alignment horizontal="distributed" justifyLastLine="1"/>
    </xf>
    <xf numFmtId="37" fontId="14" fillId="0" borderId="13" xfId="2" applyFont="1" applyFill="1" applyBorder="1" applyAlignment="1" applyProtection="1">
      <alignment horizontal="distributed" justifyLastLine="1"/>
    </xf>
    <xf numFmtId="37" fontId="14" fillId="0" borderId="29" xfId="2" applyFont="1" applyFill="1" applyBorder="1" applyAlignment="1" applyProtection="1">
      <alignment horizontal="distributed" justifyLastLine="1"/>
    </xf>
    <xf numFmtId="37" fontId="14" fillId="0" borderId="34" xfId="2" applyFont="1" applyFill="1" applyBorder="1" applyAlignment="1">
      <alignment horizontal="distributed"/>
    </xf>
    <xf numFmtId="37" fontId="14" fillId="0" borderId="35" xfId="2" applyFont="1" applyFill="1" applyBorder="1" applyAlignment="1"/>
    <xf numFmtId="37" fontId="14" fillId="0" borderId="36" xfId="2" applyFont="1" applyFill="1" applyBorder="1" applyAlignment="1"/>
    <xf numFmtId="37" fontId="14" fillId="0" borderId="35" xfId="2" quotePrefix="1" applyFont="1" applyFill="1" applyBorder="1" applyAlignment="1">
      <alignment horizontal="right"/>
    </xf>
    <xf numFmtId="37" fontId="14" fillId="0" borderId="0" xfId="2" applyFont="1" applyFill="1" applyBorder="1" applyAlignment="1"/>
    <xf numFmtId="37" fontId="14" fillId="0" borderId="21" xfId="2" applyFont="1" applyFill="1" applyBorder="1" applyAlignment="1"/>
    <xf numFmtId="37" fontId="6" fillId="0" borderId="0" xfId="2" applyFont="1" applyFill="1" applyBorder="1" applyAlignment="1" applyProtection="1">
      <protection locked="0"/>
    </xf>
    <xf numFmtId="37" fontId="6" fillId="0" borderId="0" xfId="2" applyFont="1" applyFill="1" applyBorder="1" applyAlignment="1" applyProtection="1">
      <alignment horizontal="right"/>
      <protection locked="0"/>
    </xf>
    <xf numFmtId="37" fontId="6" fillId="0" borderId="0" xfId="2" applyFont="1" applyFill="1" applyBorder="1" applyAlignment="1" applyProtection="1"/>
    <xf numFmtId="37" fontId="6" fillId="0" borderId="0" xfId="2" applyFont="1" applyFill="1" applyBorder="1" applyAlignment="1" applyProtection="1">
      <alignment horizontal="center"/>
      <protection locked="0"/>
    </xf>
    <xf numFmtId="176" fontId="6" fillId="0" borderId="0" xfId="2" applyNumberFormat="1" applyFont="1" applyFill="1" applyBorder="1" applyAlignment="1" applyProtection="1">
      <protection locked="0"/>
    </xf>
    <xf numFmtId="2" fontId="6" fillId="0" borderId="0" xfId="2" applyNumberFormat="1" applyFont="1" applyFill="1" applyBorder="1" applyAlignment="1" applyProtection="1">
      <protection locked="0"/>
    </xf>
    <xf numFmtId="37" fontId="6" fillId="0" borderId="0" xfId="2" applyNumberFormat="1" applyFont="1" applyFill="1" applyBorder="1" applyAlignment="1" applyProtection="1">
      <protection locked="0"/>
    </xf>
    <xf numFmtId="37" fontId="6" fillId="0" borderId="0" xfId="2" applyFont="1" applyFill="1" applyBorder="1" applyAlignment="1"/>
    <xf numFmtId="37" fontId="14" fillId="0" borderId="2" xfId="2" applyFont="1" applyFill="1" applyBorder="1" applyAlignment="1" applyProtection="1"/>
    <xf numFmtId="37" fontId="14" fillId="0" borderId="38" xfId="2" applyFont="1" applyFill="1" applyBorder="1" applyAlignment="1" applyProtection="1"/>
    <xf numFmtId="37" fontId="14" fillId="0" borderId="39" xfId="2" applyFont="1" applyFill="1" applyBorder="1" applyAlignment="1" applyProtection="1"/>
    <xf numFmtId="37" fontId="14" fillId="0" borderId="10" xfId="2" applyFont="1" applyFill="1" applyBorder="1" applyAlignment="1" applyProtection="1">
      <alignment horizontal="right"/>
    </xf>
    <xf numFmtId="37" fontId="14" fillId="0" borderId="19" xfId="2" applyFont="1" applyFill="1" applyBorder="1" applyAlignment="1" applyProtection="1">
      <alignment horizontal="right"/>
    </xf>
    <xf numFmtId="37" fontId="14" fillId="0" borderId="2" xfId="2" applyFont="1" applyFill="1" applyBorder="1" applyAlignment="1" applyProtection="1">
      <alignment horizontal="right"/>
    </xf>
    <xf numFmtId="37" fontId="14" fillId="0" borderId="37" xfId="2" applyFont="1" applyFill="1" applyBorder="1" applyAlignment="1" applyProtection="1"/>
    <xf numFmtId="37" fontId="14" fillId="0" borderId="19" xfId="2" applyFont="1" applyFill="1" applyBorder="1" applyAlignment="1" applyProtection="1">
      <alignment horizontal="center"/>
    </xf>
    <xf numFmtId="176" fontId="14" fillId="0" borderId="10" xfId="2" applyNumberFormat="1" applyFont="1" applyFill="1" applyBorder="1" applyAlignment="1" applyProtection="1"/>
    <xf numFmtId="176" fontId="14" fillId="0" borderId="19" xfId="2" applyNumberFormat="1" applyFont="1" applyFill="1" applyBorder="1" applyAlignment="1" applyProtection="1"/>
    <xf numFmtId="2" fontId="14" fillId="0" borderId="19" xfId="2" applyNumberFormat="1" applyFont="1" applyFill="1" applyBorder="1" applyAlignment="1" applyProtection="1"/>
    <xf numFmtId="37" fontId="14" fillId="0" borderId="19" xfId="2" applyNumberFormat="1" applyFont="1" applyFill="1" applyBorder="1" applyAlignment="1" applyProtection="1"/>
    <xf numFmtId="37" fontId="14" fillId="0" borderId="54" xfId="2" applyFont="1" applyFill="1" applyBorder="1" applyAlignment="1" applyProtection="1"/>
    <xf numFmtId="37" fontId="14" fillId="0" borderId="55" xfId="2" applyFont="1" applyFill="1" applyBorder="1" applyAlignment="1" applyProtection="1"/>
    <xf numFmtId="37" fontId="14" fillId="0" borderId="56" xfId="2" applyFont="1" applyFill="1" applyBorder="1" applyAlignment="1" applyProtection="1"/>
    <xf numFmtId="37" fontId="14" fillId="0" borderId="57" xfId="2" applyFont="1" applyFill="1" applyBorder="1" applyAlignment="1" applyProtection="1"/>
    <xf numFmtId="37" fontId="14" fillId="0" borderId="58" xfId="2" applyFont="1" applyFill="1" applyBorder="1" applyAlignment="1" applyProtection="1">
      <alignment horizontal="right"/>
    </xf>
    <xf numFmtId="37" fontId="14" fillId="0" borderId="55" xfId="2" applyFont="1" applyFill="1" applyBorder="1" applyAlignment="1" applyProtection="1">
      <alignment horizontal="right"/>
    </xf>
    <xf numFmtId="37" fontId="14" fillId="0" borderId="54" xfId="2" applyFont="1" applyFill="1" applyBorder="1" applyAlignment="1" applyProtection="1">
      <alignment horizontal="right"/>
    </xf>
    <xf numFmtId="37" fontId="14" fillId="0" borderId="53" xfId="2" applyFont="1" applyFill="1" applyBorder="1" applyAlignment="1" applyProtection="1"/>
    <xf numFmtId="37" fontId="14" fillId="0" borderId="58" xfId="2" applyFont="1" applyFill="1" applyBorder="1" applyAlignment="1" applyProtection="1"/>
    <xf numFmtId="37" fontId="14" fillId="0" borderId="55" xfId="2" applyFont="1" applyFill="1" applyBorder="1" applyAlignment="1" applyProtection="1">
      <alignment horizontal="center"/>
    </xf>
    <xf numFmtId="176" fontId="14" fillId="0" borderId="58" xfId="2" applyNumberFormat="1" applyFont="1" applyFill="1" applyBorder="1" applyAlignment="1" applyProtection="1"/>
    <xf numFmtId="176" fontId="14" fillId="0" borderId="55" xfId="2" applyNumberFormat="1" applyFont="1" applyFill="1" applyBorder="1" applyAlignment="1" applyProtection="1"/>
    <xf numFmtId="2" fontId="14" fillId="0" borderId="55" xfId="2" applyNumberFormat="1" applyFont="1" applyFill="1" applyBorder="1" applyAlignment="1" applyProtection="1"/>
    <xf numFmtId="37" fontId="14" fillId="0" borderId="55" xfId="2" applyNumberFormat="1" applyFont="1" applyFill="1" applyBorder="1" applyAlignment="1" applyProtection="1"/>
    <xf numFmtId="37" fontId="11" fillId="0" borderId="0" xfId="2" applyFont="1" applyFill="1" applyAlignment="1"/>
    <xf numFmtId="37" fontId="14" fillId="0" borderId="1" xfId="2" applyFont="1" applyFill="1" applyBorder="1" applyAlignment="1" applyProtection="1"/>
    <xf numFmtId="37" fontId="6" fillId="0" borderId="0" xfId="2" quotePrefix="1" applyFont="1" applyFill="1" applyBorder="1" applyAlignment="1" applyProtection="1">
      <alignment horizontal="distributed" justifyLastLine="1"/>
    </xf>
    <xf numFmtId="37" fontId="6" fillId="0" borderId="0" xfId="2" applyFont="1" applyFill="1" applyBorder="1" applyAlignment="1" applyProtection="1">
      <alignment horizontal="right"/>
    </xf>
    <xf numFmtId="37" fontId="6" fillId="0" borderId="0" xfId="2" applyFont="1" applyFill="1" applyBorder="1" applyAlignment="1" applyProtection="1">
      <alignment horizontal="center"/>
    </xf>
    <xf numFmtId="37" fontId="6" fillId="0" borderId="0" xfId="2" applyFont="1" applyFill="1" applyBorder="1" applyAlignment="1" applyProtection="1">
      <alignment horizontal="left" justifyLastLine="1"/>
    </xf>
    <xf numFmtId="176" fontId="6" fillId="0" borderId="0" xfId="2" applyNumberFormat="1" applyFont="1" applyFill="1" applyBorder="1" applyAlignment="1" applyProtection="1"/>
    <xf numFmtId="2" fontId="6" fillId="0" borderId="0" xfId="2" applyNumberFormat="1" applyFont="1" applyFill="1" applyBorder="1" applyAlignment="1" applyProtection="1"/>
    <xf numFmtId="37" fontId="6" fillId="0" borderId="0" xfId="2" applyNumberFormat="1" applyFont="1" applyFill="1" applyBorder="1" applyAlignment="1" applyProtection="1"/>
    <xf numFmtId="37" fontId="6" fillId="0" borderId="0" xfId="2" applyFont="1" applyFill="1" applyBorder="1" applyAlignment="1" applyProtection="1">
      <alignment horizontal="center" vertical="center" wrapText="1"/>
    </xf>
    <xf numFmtId="37" fontId="8" fillId="0" borderId="0" xfId="2" applyFont="1" applyFill="1" applyBorder="1" applyAlignment="1" applyProtection="1"/>
    <xf numFmtId="37" fontId="6" fillId="0" borderId="0" xfId="2" quotePrefix="1" applyFont="1" applyFill="1" applyBorder="1" applyAlignment="1" applyProtection="1">
      <alignment horizontal="distributed"/>
    </xf>
    <xf numFmtId="37" fontId="6" fillId="0" borderId="61" xfId="2" applyFont="1" applyFill="1" applyBorder="1" applyAlignment="1" applyProtection="1"/>
    <xf numFmtId="37" fontId="14" fillId="0" borderId="28" xfId="2" applyFont="1" applyFill="1" applyBorder="1" applyAlignment="1" applyProtection="1">
      <alignment horizontal="center" shrinkToFit="1"/>
    </xf>
    <xf numFmtId="37" fontId="14" fillId="0" borderId="13" xfId="2" applyFont="1" applyFill="1" applyBorder="1" applyAlignment="1" applyProtection="1">
      <alignment horizontal="center" shrinkToFit="1"/>
    </xf>
    <xf numFmtId="37" fontId="14" fillId="0" borderId="27" xfId="2" applyFont="1" applyFill="1" applyBorder="1" applyAlignment="1" applyProtection="1">
      <alignment horizontal="center" shrinkToFit="1"/>
    </xf>
    <xf numFmtId="37" fontId="14" fillId="0" borderId="31" xfId="2" applyFont="1" applyFill="1" applyBorder="1" applyAlignment="1" applyProtection="1">
      <alignment horizontal="center" shrinkToFit="1"/>
    </xf>
    <xf numFmtId="37" fontId="14" fillId="0" borderId="3" xfId="2" applyFont="1" applyFill="1" applyBorder="1" applyAlignment="1" applyProtection="1">
      <alignment horizontal="center" shrinkToFit="1"/>
    </xf>
    <xf numFmtId="37" fontId="14" fillId="0" borderId="68" xfId="2" applyFont="1" applyFill="1" applyBorder="1" applyAlignment="1" applyProtection="1"/>
    <xf numFmtId="37" fontId="14" fillId="0" borderId="72" xfId="2" applyFont="1" applyFill="1" applyBorder="1" applyAlignment="1" applyProtection="1"/>
    <xf numFmtId="37" fontId="14" fillId="0" borderId="69" xfId="2" applyFont="1" applyFill="1" applyBorder="1" applyAlignment="1" applyProtection="1"/>
    <xf numFmtId="37" fontId="14" fillId="0" borderId="72" xfId="2" applyFont="1" applyFill="1" applyBorder="1" applyAlignment="1" applyProtection="1">
      <alignment horizontal="right"/>
    </xf>
    <xf numFmtId="37" fontId="14" fillId="0" borderId="68" xfId="2" applyFont="1" applyFill="1" applyBorder="1" applyAlignment="1" applyProtection="1">
      <alignment horizontal="right"/>
    </xf>
    <xf numFmtId="37" fontId="14" fillId="0" borderId="70" xfId="2" applyFont="1" applyFill="1" applyBorder="1" applyAlignment="1" applyProtection="1"/>
    <xf numFmtId="49" fontId="6" fillId="0" borderId="0" xfId="2" applyNumberFormat="1" applyFont="1" applyFill="1" applyBorder="1" applyAlignment="1" applyProtection="1">
      <alignment justifyLastLine="1"/>
    </xf>
    <xf numFmtId="37" fontId="14" fillId="0" borderId="36" xfId="2" quotePrefix="1" applyFont="1" applyFill="1" applyBorder="1" applyAlignment="1">
      <alignment horizontal="right"/>
    </xf>
    <xf numFmtId="37" fontId="14" fillId="0" borderId="82" xfId="2" applyFont="1" applyFill="1" applyBorder="1" applyAlignment="1" applyProtection="1"/>
    <xf numFmtId="37" fontId="14" fillId="0" borderId="83" xfId="2" applyFont="1" applyFill="1" applyBorder="1" applyAlignment="1" applyProtection="1"/>
    <xf numFmtId="37" fontId="14" fillId="0" borderId="84" xfId="2" applyFont="1" applyFill="1" applyBorder="1" applyAlignment="1" applyProtection="1"/>
    <xf numFmtId="37" fontId="14" fillId="0" borderId="85" xfId="2" applyFont="1" applyFill="1" applyBorder="1" applyAlignment="1" applyProtection="1"/>
    <xf numFmtId="37" fontId="14" fillId="0" borderId="59" xfId="2" applyFont="1" applyFill="1" applyBorder="1" applyAlignment="1" applyProtection="1"/>
    <xf numFmtId="37" fontId="14" fillId="0" borderId="81" xfId="2" applyFont="1" applyFill="1" applyBorder="1" applyAlignment="1" applyProtection="1">
      <alignment wrapText="1"/>
    </xf>
    <xf numFmtId="37" fontId="14" fillId="0" borderId="59" xfId="2" applyFont="1" applyFill="1" applyBorder="1" applyAlignment="1"/>
    <xf numFmtId="37" fontId="14" fillId="0" borderId="82" xfId="2" applyFont="1" applyFill="1" applyBorder="1" applyAlignment="1"/>
    <xf numFmtId="37" fontId="14" fillId="0" borderId="82" xfId="2" applyFont="1" applyFill="1" applyBorder="1" applyAlignment="1" applyProtection="1">
      <alignment horizontal="center"/>
    </xf>
    <xf numFmtId="37" fontId="14" fillId="0" borderId="81" xfId="2" applyFont="1" applyFill="1" applyBorder="1" applyAlignment="1" applyProtection="1"/>
    <xf numFmtId="177" fontId="14" fillId="0" borderId="59" xfId="2" applyNumberFormat="1" applyFont="1" applyFill="1" applyBorder="1" applyAlignment="1" applyProtection="1"/>
    <xf numFmtId="177" fontId="14" fillId="0" borderId="82" xfId="2" applyNumberFormat="1" applyFont="1" applyFill="1" applyBorder="1" applyAlignment="1" applyProtection="1"/>
    <xf numFmtId="39" fontId="14" fillId="0" borderId="82" xfId="2" applyNumberFormat="1" applyFont="1" applyFill="1" applyBorder="1" applyAlignment="1" applyProtection="1"/>
    <xf numFmtId="37" fontId="6" fillId="0" borderId="0" xfId="2" applyFont="1" applyFill="1" applyBorder="1" applyAlignment="1" applyProtection="1">
      <alignment horizontal="distributed"/>
      <protection locked="0"/>
    </xf>
    <xf numFmtId="37" fontId="6" fillId="0" borderId="87" xfId="2" applyFont="1" applyFill="1" applyBorder="1" applyAlignment="1" applyProtection="1">
      <alignment horizontal="distributed"/>
      <protection locked="0"/>
    </xf>
    <xf numFmtId="37" fontId="6" fillId="0" borderId="87" xfId="2" applyFont="1" applyFill="1" applyBorder="1" applyAlignment="1" applyProtection="1">
      <protection locked="0"/>
    </xf>
    <xf numFmtId="37" fontId="6" fillId="0" borderId="61" xfId="2" applyFont="1" applyFill="1" applyBorder="1" applyAlignment="1" applyProtection="1">
      <protection locked="0"/>
    </xf>
    <xf numFmtId="37" fontId="6" fillId="0" borderId="61" xfId="2" applyFont="1" applyFill="1" applyBorder="1" applyAlignment="1" applyProtection="1">
      <alignment horizontal="distributed"/>
      <protection locked="0"/>
    </xf>
    <xf numFmtId="37" fontId="14" fillId="0" borderId="27" xfId="2" applyFont="1" applyFill="1" applyBorder="1" applyAlignment="1" applyProtection="1"/>
    <xf numFmtId="37" fontId="14" fillId="0" borderId="51" xfId="2" applyFont="1" applyFill="1" applyBorder="1" applyAlignment="1"/>
    <xf numFmtId="37" fontId="6" fillId="0" borderId="14" xfId="2" applyFont="1" applyFill="1" applyBorder="1" applyAlignment="1" applyProtection="1">
      <protection locked="0"/>
    </xf>
    <xf numFmtId="37" fontId="14" fillId="0" borderId="40" xfId="2" applyFont="1" applyFill="1" applyBorder="1" applyAlignment="1" applyProtection="1">
      <alignment horizontal="distributed" justifyLastLine="1"/>
      <protection locked="0"/>
    </xf>
    <xf numFmtId="37" fontId="14" fillId="0" borderId="8" xfId="2" applyFont="1" applyFill="1" applyBorder="1" applyAlignment="1" applyProtection="1">
      <protection locked="0"/>
    </xf>
    <xf numFmtId="37" fontId="14" fillId="0" borderId="41" xfId="2" applyFont="1" applyFill="1" applyBorder="1" applyAlignment="1" applyProtection="1">
      <protection locked="0"/>
    </xf>
    <xf numFmtId="37" fontId="14" fillId="0" borderId="1" xfId="2" applyFont="1" applyFill="1" applyBorder="1" applyAlignment="1" applyProtection="1">
      <protection locked="0"/>
    </xf>
    <xf numFmtId="37" fontId="14" fillId="0" borderId="1" xfId="2" applyFont="1" applyFill="1" applyBorder="1" applyAlignment="1" applyProtection="1">
      <alignment horizontal="right"/>
      <protection locked="0"/>
    </xf>
    <xf numFmtId="37" fontId="14" fillId="0" borderId="42" xfId="2" applyFont="1" applyFill="1" applyBorder="1" applyAlignment="1" applyProtection="1">
      <alignment horizontal="right"/>
      <protection locked="0"/>
    </xf>
    <xf numFmtId="37" fontId="14" fillId="0" borderId="8" xfId="2" applyFont="1" applyFill="1" applyBorder="1" applyAlignment="1" applyProtection="1">
      <alignment horizontal="right"/>
      <protection locked="0"/>
    </xf>
    <xf numFmtId="37" fontId="14" fillId="0" borderId="40" xfId="2" applyFont="1" applyFill="1" applyBorder="1" applyAlignment="1" applyProtection="1">
      <protection locked="0"/>
    </xf>
    <xf numFmtId="37" fontId="14" fillId="0" borderId="8" xfId="2" applyFont="1" applyFill="1" applyBorder="1" applyAlignment="1"/>
    <xf numFmtId="37" fontId="14" fillId="0" borderId="41" xfId="2" applyFont="1" applyFill="1" applyBorder="1" applyAlignment="1"/>
    <xf numFmtId="37" fontId="14" fillId="0" borderId="8" xfId="2" applyFont="1" applyFill="1" applyBorder="1" applyAlignment="1" applyProtection="1"/>
    <xf numFmtId="37" fontId="14" fillId="0" borderId="41" xfId="2" applyFont="1" applyFill="1" applyBorder="1" applyAlignment="1" applyProtection="1"/>
    <xf numFmtId="37" fontId="14" fillId="0" borderId="42" xfId="2" applyFont="1" applyFill="1" applyBorder="1" applyAlignment="1" applyProtection="1">
      <protection locked="0"/>
    </xf>
    <xf numFmtId="37" fontId="14" fillId="0" borderId="43" xfId="2" applyFont="1" applyFill="1" applyBorder="1" applyAlignment="1" applyProtection="1">
      <protection locked="0"/>
    </xf>
    <xf numFmtId="37" fontId="14" fillId="0" borderId="10" xfId="2" applyFont="1" applyFill="1" applyBorder="1" applyAlignment="1"/>
    <xf numFmtId="37" fontId="14" fillId="0" borderId="39" xfId="2" applyFont="1" applyFill="1" applyBorder="1" applyAlignment="1"/>
    <xf numFmtId="37" fontId="14" fillId="0" borderId="37" xfId="2" applyFont="1" applyFill="1" applyBorder="1" applyAlignment="1" applyProtection="1">
      <alignment horizontal="distributed" justifyLastLine="1"/>
      <protection locked="0"/>
    </xf>
    <xf numFmtId="37" fontId="14" fillId="0" borderId="10" xfId="2" applyFont="1" applyFill="1" applyBorder="1" applyAlignment="1" applyProtection="1">
      <protection locked="0"/>
    </xf>
    <xf numFmtId="37" fontId="14" fillId="0" borderId="19" xfId="2" applyFont="1" applyFill="1" applyBorder="1" applyAlignment="1" applyProtection="1">
      <protection locked="0"/>
    </xf>
    <xf numFmtId="37" fontId="14" fillId="0" borderId="19" xfId="2" applyFont="1" applyFill="1" applyBorder="1" applyAlignment="1" applyProtection="1">
      <alignment horizontal="center"/>
      <protection locked="0"/>
    </xf>
    <xf numFmtId="37" fontId="14" fillId="0" borderId="2" xfId="2" applyFont="1" applyFill="1" applyBorder="1" applyAlignment="1"/>
    <xf numFmtId="37" fontId="14" fillId="0" borderId="2" xfId="2" applyFont="1" applyFill="1" applyBorder="1" applyAlignment="1" applyProtection="1">
      <protection locked="0"/>
    </xf>
    <xf numFmtId="37" fontId="14" fillId="0" borderId="37" xfId="2" applyFont="1" applyFill="1" applyBorder="1" applyAlignment="1" applyProtection="1">
      <protection locked="0"/>
    </xf>
    <xf numFmtId="37" fontId="14" fillId="0" borderId="39" xfId="2" applyFont="1" applyFill="1" applyBorder="1" applyAlignment="1" applyProtection="1">
      <protection locked="0"/>
    </xf>
    <xf numFmtId="177" fontId="14" fillId="0" borderId="10" xfId="2" applyNumberFormat="1" applyFont="1" applyFill="1" applyBorder="1" applyAlignment="1" applyProtection="1">
      <protection locked="0"/>
    </xf>
    <xf numFmtId="177" fontId="14" fillId="0" borderId="19" xfId="2" applyNumberFormat="1" applyFont="1" applyFill="1" applyBorder="1" applyAlignment="1" applyProtection="1">
      <protection locked="0"/>
    </xf>
    <xf numFmtId="39" fontId="14" fillId="0" borderId="2" xfId="2" applyNumberFormat="1" applyFont="1" applyFill="1" applyBorder="1" applyAlignment="1">
      <alignment horizontal="right"/>
    </xf>
    <xf numFmtId="39" fontId="14" fillId="0" borderId="2" xfId="2" applyNumberFormat="1" applyFont="1" applyFill="1" applyBorder="1" applyAlignment="1"/>
    <xf numFmtId="37" fontId="14" fillId="0" borderId="19" xfId="2" applyNumberFormat="1" applyFont="1" applyFill="1" applyBorder="1" applyAlignment="1" applyProtection="1">
      <protection locked="0"/>
    </xf>
    <xf numFmtId="37" fontId="14" fillId="0" borderId="42" xfId="2" applyFont="1" applyFill="1" applyBorder="1" applyAlignment="1"/>
    <xf numFmtId="37" fontId="14" fillId="0" borderId="8" xfId="2" applyFont="1" applyFill="1" applyBorder="1" applyAlignment="1" applyProtection="1">
      <alignment horizontal="center"/>
      <protection locked="0"/>
    </xf>
    <xf numFmtId="37" fontId="14" fillId="0" borderId="1" xfId="2" applyFont="1" applyFill="1" applyBorder="1" applyAlignment="1"/>
    <xf numFmtId="177" fontId="14" fillId="0" borderId="42" xfId="2" applyNumberFormat="1" applyFont="1" applyFill="1" applyBorder="1" applyAlignment="1" applyProtection="1">
      <protection locked="0"/>
    </xf>
    <xf numFmtId="177" fontId="14" fillId="0" borderId="8" xfId="2" applyNumberFormat="1" applyFont="1" applyFill="1" applyBorder="1" applyAlignment="1" applyProtection="1">
      <protection locked="0"/>
    </xf>
    <xf numFmtId="39" fontId="14" fillId="0" borderId="1" xfId="2" applyNumberFormat="1" applyFont="1" applyFill="1" applyBorder="1" applyAlignment="1">
      <alignment horizontal="right"/>
    </xf>
    <xf numFmtId="39" fontId="14" fillId="0" borderId="1" xfId="2" applyNumberFormat="1" applyFont="1" applyFill="1" applyBorder="1" applyAlignment="1"/>
    <xf numFmtId="37" fontId="14" fillId="0" borderId="8" xfId="2" applyNumberFormat="1" applyFont="1" applyFill="1" applyBorder="1" applyAlignment="1" applyProtection="1">
      <protection locked="0"/>
    </xf>
    <xf numFmtId="37" fontId="14" fillId="0" borderId="6" xfId="2" applyFont="1" applyFill="1" applyBorder="1" applyAlignment="1" applyProtection="1">
      <alignment horizontal="distributed" justifyLastLine="1"/>
      <protection locked="0"/>
    </xf>
    <xf numFmtId="37" fontId="14" fillId="0" borderId="14" xfId="2" applyFont="1" applyFill="1" applyBorder="1" applyAlignment="1" applyProtection="1">
      <protection locked="0"/>
    </xf>
    <xf numFmtId="37" fontId="14" fillId="0" borderId="46" xfId="2" applyFont="1" applyFill="1" applyBorder="1" applyAlignment="1" applyProtection="1">
      <protection locked="0"/>
    </xf>
    <xf numFmtId="37" fontId="14" fillId="0" borderId="47" xfId="2" applyFont="1" applyFill="1" applyBorder="1" applyAlignment="1" applyProtection="1">
      <protection locked="0"/>
    </xf>
    <xf numFmtId="37" fontId="14" fillId="0" borderId="47" xfId="2" applyFont="1" applyFill="1" applyBorder="1" applyAlignment="1" applyProtection="1">
      <alignment horizontal="right"/>
      <protection locked="0"/>
    </xf>
    <xf numFmtId="37" fontId="14" fillId="0" borderId="0" xfId="2" applyFont="1" applyFill="1" applyBorder="1" applyAlignment="1" applyProtection="1">
      <alignment horizontal="right"/>
      <protection locked="0"/>
    </xf>
    <xf numFmtId="37" fontId="14" fillId="0" borderId="14" xfId="2" applyFont="1" applyFill="1" applyBorder="1" applyAlignment="1" applyProtection="1">
      <alignment horizontal="right"/>
      <protection locked="0"/>
    </xf>
    <xf numFmtId="37" fontId="14" fillId="0" borderId="6" xfId="2" applyFont="1" applyFill="1" applyBorder="1" applyAlignment="1" applyProtection="1">
      <protection locked="0"/>
    </xf>
    <xf numFmtId="37" fontId="14" fillId="0" borderId="14" xfId="2" applyFont="1" applyFill="1" applyBorder="1" applyAlignment="1"/>
    <xf numFmtId="37" fontId="14" fillId="0" borderId="46" xfId="2" applyFont="1" applyFill="1" applyBorder="1" applyAlignment="1"/>
    <xf numFmtId="37" fontId="14" fillId="0" borderId="14" xfId="2" applyFont="1" applyFill="1" applyBorder="1" applyAlignment="1" applyProtection="1"/>
    <xf numFmtId="37" fontId="14" fillId="0" borderId="46" xfId="2" applyFont="1" applyFill="1" applyBorder="1" applyAlignment="1" applyProtection="1"/>
    <xf numFmtId="37" fontId="14" fillId="0" borderId="21" xfId="2" applyFont="1" applyFill="1" applyBorder="1" applyAlignment="1" applyProtection="1">
      <protection locked="0"/>
    </xf>
    <xf numFmtId="37" fontId="14" fillId="0" borderId="45" xfId="2" applyFont="1" applyFill="1" applyBorder="1" applyAlignment="1"/>
    <xf numFmtId="37" fontId="14" fillId="0" borderId="14" xfId="2" applyFont="1" applyFill="1" applyBorder="1" applyAlignment="1" applyProtection="1">
      <alignment horizontal="center"/>
      <protection locked="0"/>
    </xf>
    <xf numFmtId="37" fontId="14" fillId="0" borderId="47" xfId="2" applyFont="1" applyFill="1" applyBorder="1" applyAlignment="1"/>
    <xf numFmtId="177" fontId="14" fillId="0" borderId="0" xfId="2" applyNumberFormat="1" applyFont="1" applyFill="1" applyBorder="1" applyAlignment="1" applyProtection="1">
      <protection locked="0"/>
    </xf>
    <xf numFmtId="177" fontId="14" fillId="0" borderId="14" xfId="2" applyNumberFormat="1" applyFont="1" applyFill="1" applyBorder="1" applyAlignment="1" applyProtection="1">
      <protection locked="0"/>
    </xf>
    <xf numFmtId="39" fontId="14" fillId="0" borderId="47" xfId="2" applyNumberFormat="1" applyFont="1" applyFill="1" applyBorder="1" applyAlignment="1">
      <alignment horizontal="right"/>
    </xf>
    <xf numFmtId="39" fontId="14" fillId="0" borderId="47" xfId="2" applyNumberFormat="1" applyFont="1" applyFill="1" applyBorder="1" applyAlignment="1"/>
    <xf numFmtId="37" fontId="14" fillId="0" borderId="14" xfId="2" applyNumberFormat="1" applyFont="1" applyFill="1" applyBorder="1" applyAlignment="1" applyProtection="1">
      <protection locked="0"/>
    </xf>
    <xf numFmtId="37" fontId="14" fillId="0" borderId="40" xfId="2" applyFont="1" applyFill="1" applyBorder="1" applyAlignment="1"/>
    <xf numFmtId="37" fontId="14" fillId="0" borderId="8" xfId="2" applyNumberFormat="1" applyFont="1" applyFill="1" applyBorder="1" applyAlignment="1" applyProtection="1">
      <alignment horizontal="right"/>
      <protection locked="0"/>
    </xf>
    <xf numFmtId="37" fontId="14" fillId="0" borderId="41" xfId="2" applyNumberFormat="1" applyFont="1" applyFill="1" applyBorder="1" applyAlignment="1" applyProtection="1">
      <alignment horizontal="right"/>
      <protection locked="0"/>
    </xf>
    <xf numFmtId="37" fontId="14" fillId="0" borderId="4" xfId="2" applyFont="1" applyFill="1" applyBorder="1" applyAlignment="1" applyProtection="1">
      <protection locked="0"/>
    </xf>
    <xf numFmtId="177" fontId="14" fillId="0" borderId="1" xfId="2" applyNumberFormat="1" applyFont="1" applyFill="1" applyBorder="1" applyAlignment="1" applyProtection="1">
      <protection locked="0"/>
    </xf>
    <xf numFmtId="37" fontId="14" fillId="0" borderId="1" xfId="2" applyNumberFormat="1" applyFont="1" applyFill="1" applyBorder="1" applyAlignment="1" applyProtection="1">
      <alignment horizontal="right"/>
      <protection locked="0"/>
    </xf>
    <xf numFmtId="37" fontId="14" fillId="0" borderId="2" xfId="2" applyFont="1" applyFill="1" applyBorder="1" applyAlignment="1" applyProtection="1">
      <alignment horizontal="right"/>
      <protection locked="0"/>
    </xf>
    <xf numFmtId="37" fontId="14" fillId="0" borderId="10" xfId="2" applyFont="1" applyFill="1" applyBorder="1" applyAlignment="1" applyProtection="1">
      <alignment horizontal="right"/>
      <protection locked="0"/>
    </xf>
    <xf numFmtId="37" fontId="14" fillId="0" borderId="19" xfId="2" applyFont="1" applyFill="1" applyBorder="1" applyAlignment="1" applyProtection="1">
      <alignment horizontal="right"/>
      <protection locked="0"/>
    </xf>
    <xf numFmtId="37" fontId="14" fillId="0" borderId="19" xfId="2" applyFont="1" applyFill="1" applyBorder="1" applyAlignment="1"/>
    <xf numFmtId="37" fontId="14" fillId="0" borderId="67" xfId="2" applyFont="1" applyFill="1" applyBorder="1" applyAlignment="1" applyProtection="1">
      <protection locked="0"/>
    </xf>
    <xf numFmtId="37" fontId="14" fillId="0" borderId="38" xfId="2" applyFont="1" applyFill="1" applyBorder="1" applyAlignment="1" applyProtection="1">
      <protection locked="0"/>
    </xf>
    <xf numFmtId="37" fontId="14" fillId="0" borderId="37" xfId="2" applyFont="1" applyFill="1" applyBorder="1" applyAlignment="1"/>
    <xf numFmtId="177" fontId="14" fillId="0" borderId="2" xfId="2" applyNumberFormat="1" applyFont="1" applyFill="1" applyBorder="1" applyAlignment="1" applyProtection="1">
      <protection locked="0"/>
    </xf>
    <xf numFmtId="37" fontId="14" fillId="0" borderId="19" xfId="2" applyNumberFormat="1" applyFont="1" applyFill="1" applyBorder="1" applyAlignment="1" applyProtection="1">
      <alignment horizontal="right"/>
      <protection locked="0"/>
    </xf>
    <xf numFmtId="37" fontId="14" fillId="0" borderId="39" xfId="2" applyNumberFormat="1" applyFont="1" applyFill="1" applyBorder="1" applyAlignment="1" applyProtection="1">
      <alignment horizontal="right"/>
      <protection locked="0"/>
    </xf>
    <xf numFmtId="37" fontId="14" fillId="0" borderId="86" xfId="2" applyFont="1" applyFill="1" applyBorder="1" applyAlignment="1" applyProtection="1">
      <alignment horizontal="distributed" justifyLastLine="1"/>
      <protection locked="0"/>
    </xf>
    <xf numFmtId="37" fontId="14" fillId="0" borderId="68" xfId="2" applyFont="1" applyFill="1" applyBorder="1" applyAlignment="1" applyProtection="1">
      <protection locked="0"/>
    </xf>
    <xf numFmtId="37" fontId="14" fillId="0" borderId="69" xfId="2" applyFont="1" applyFill="1" applyBorder="1" applyAlignment="1" applyProtection="1">
      <protection locked="0"/>
    </xf>
    <xf numFmtId="37" fontId="14" fillId="0" borderId="72" xfId="2" applyFont="1" applyFill="1" applyBorder="1" applyAlignment="1" applyProtection="1">
      <protection locked="0"/>
    </xf>
    <xf numFmtId="37" fontId="14" fillId="0" borderId="72" xfId="2" applyFont="1" applyFill="1" applyBorder="1" applyAlignment="1" applyProtection="1">
      <alignment horizontal="right"/>
      <protection locked="0"/>
    </xf>
    <xf numFmtId="37" fontId="14" fillId="0" borderId="70" xfId="2" applyFont="1" applyFill="1" applyBorder="1" applyAlignment="1" applyProtection="1">
      <alignment horizontal="right"/>
      <protection locked="0"/>
    </xf>
    <xf numFmtId="37" fontId="14" fillId="0" borderId="68" xfId="2" applyFont="1" applyFill="1" applyBorder="1" applyAlignment="1" applyProtection="1">
      <alignment horizontal="right"/>
      <protection locked="0"/>
    </xf>
    <xf numFmtId="37" fontId="14" fillId="0" borderId="86" xfId="2" applyFont="1" applyFill="1" applyBorder="1" applyAlignment="1" applyProtection="1">
      <protection locked="0"/>
    </xf>
    <xf numFmtId="37" fontId="14" fillId="0" borderId="70" xfId="2" applyFont="1" applyFill="1" applyBorder="1" applyAlignment="1" applyProtection="1">
      <protection locked="0"/>
    </xf>
    <xf numFmtId="37" fontId="14" fillId="0" borderId="71" xfId="2" applyFont="1" applyFill="1" applyBorder="1" applyAlignment="1" applyProtection="1">
      <protection locked="0"/>
    </xf>
    <xf numFmtId="37" fontId="14" fillId="0" borderId="68" xfId="2" applyFont="1" applyFill="1" applyBorder="1" applyAlignment="1" applyProtection="1">
      <alignment horizontal="center"/>
      <protection locked="0"/>
    </xf>
    <xf numFmtId="177" fontId="14" fillId="0" borderId="70" xfId="2" applyNumberFormat="1" applyFont="1" applyFill="1" applyBorder="1" applyAlignment="1" applyProtection="1">
      <protection locked="0"/>
    </xf>
    <xf numFmtId="177" fontId="14" fillId="0" borderId="68" xfId="2" applyNumberFormat="1" applyFont="1" applyFill="1" applyBorder="1" applyAlignment="1" applyProtection="1">
      <protection locked="0"/>
    </xf>
    <xf numFmtId="39" fontId="14" fillId="0" borderId="72" xfId="2" applyNumberFormat="1" applyFont="1" applyFill="1" applyBorder="1" applyAlignment="1">
      <alignment horizontal="right"/>
    </xf>
    <xf numFmtId="39" fontId="14" fillId="0" borderId="72" xfId="2" applyNumberFormat="1" applyFont="1" applyFill="1" applyBorder="1" applyAlignment="1"/>
    <xf numFmtId="37" fontId="14" fillId="0" borderId="72" xfId="2" applyNumberFormat="1" applyFont="1" applyFill="1" applyBorder="1" applyAlignment="1" applyProtection="1">
      <protection locked="0"/>
    </xf>
    <xf numFmtId="37" fontId="14" fillId="0" borderId="23" xfId="2" applyFont="1" applyFill="1" applyBorder="1" applyAlignment="1" applyProtection="1">
      <alignment horizontal="distributed" justifyLastLine="1"/>
      <protection locked="0"/>
    </xf>
    <xf numFmtId="37" fontId="14" fillId="0" borderId="15" xfId="2" applyFont="1" applyFill="1" applyBorder="1" applyAlignment="1" applyProtection="1">
      <protection locked="0"/>
    </xf>
    <xf numFmtId="37" fontId="14" fillId="0" borderId="17" xfId="2" applyFont="1" applyFill="1" applyBorder="1" applyAlignment="1" applyProtection="1">
      <protection locked="0"/>
    </xf>
    <xf numFmtId="37" fontId="14" fillId="0" borderId="16" xfId="2" applyFont="1" applyFill="1" applyBorder="1" applyAlignment="1" applyProtection="1">
      <protection locked="0"/>
    </xf>
    <xf numFmtId="37" fontId="14" fillId="0" borderId="16" xfId="2" applyFont="1" applyFill="1" applyBorder="1" applyAlignment="1" applyProtection="1">
      <alignment horizontal="right"/>
      <protection locked="0"/>
    </xf>
    <xf numFmtId="37" fontId="14" fillId="0" borderId="48" xfId="2" applyFont="1" applyFill="1" applyBorder="1" applyAlignment="1" applyProtection="1">
      <alignment horizontal="right"/>
      <protection locked="0"/>
    </xf>
    <xf numFmtId="37" fontId="14" fillId="0" borderId="15" xfId="2" applyFont="1" applyFill="1" applyBorder="1" applyAlignment="1" applyProtection="1">
      <alignment horizontal="right"/>
      <protection locked="0"/>
    </xf>
    <xf numFmtId="37" fontId="14" fillId="0" borderId="23" xfId="2" applyFont="1" applyFill="1" applyBorder="1" applyAlignment="1" applyProtection="1">
      <protection locked="0"/>
    </xf>
    <xf numFmtId="37" fontId="14" fillId="0" borderId="15" xfId="2" applyFont="1" applyFill="1" applyBorder="1" applyAlignment="1" applyProtection="1"/>
    <xf numFmtId="37" fontId="14" fillId="0" borderId="17" xfId="2" applyFont="1" applyFill="1" applyBorder="1" applyAlignment="1" applyProtection="1"/>
    <xf numFmtId="37" fontId="14" fillId="0" borderId="48" xfId="2" applyFont="1" applyFill="1" applyBorder="1" applyAlignment="1" applyProtection="1">
      <protection locked="0"/>
    </xf>
    <xf numFmtId="37" fontId="14" fillId="0" borderId="22" xfId="2" applyFont="1" applyFill="1" applyBorder="1" applyAlignment="1" applyProtection="1">
      <protection locked="0"/>
    </xf>
    <xf numFmtId="37" fontId="14" fillId="0" borderId="15" xfId="2" applyFont="1" applyFill="1" applyBorder="1" applyAlignment="1" applyProtection="1">
      <alignment horizontal="center"/>
      <protection locked="0"/>
    </xf>
    <xf numFmtId="177" fontId="14" fillId="0" borderId="48" xfId="2" applyNumberFormat="1" applyFont="1" applyFill="1" applyBorder="1" applyAlignment="1" applyProtection="1">
      <protection locked="0"/>
    </xf>
    <xf numFmtId="177" fontId="14" fillId="0" borderId="15" xfId="2" applyNumberFormat="1" applyFont="1" applyFill="1" applyBorder="1" applyAlignment="1" applyProtection="1">
      <protection locked="0"/>
    </xf>
    <xf numFmtId="39" fontId="14" fillId="0" borderId="16" xfId="2" applyNumberFormat="1" applyFont="1" applyFill="1" applyBorder="1" applyAlignment="1">
      <alignment horizontal="right"/>
    </xf>
    <xf numFmtId="39" fontId="14" fillId="0" borderId="16" xfId="2" applyNumberFormat="1" applyFont="1" applyFill="1" applyBorder="1" applyAlignment="1"/>
    <xf numFmtId="37" fontId="14" fillId="0" borderId="16" xfId="2" applyNumberFormat="1" applyFont="1" applyFill="1" applyBorder="1" applyAlignment="1" applyProtection="1">
      <protection locked="0"/>
    </xf>
    <xf numFmtId="37" fontId="14" fillId="0" borderId="81" xfId="2" applyFont="1" applyFill="1" applyBorder="1" applyAlignment="1" applyProtection="1">
      <alignment horizontal="distributed" justifyLastLine="1"/>
      <protection locked="0"/>
    </xf>
    <xf numFmtId="37" fontId="14" fillId="0" borderId="7" xfId="2" applyFont="1" applyFill="1" applyBorder="1" applyAlignment="1" applyProtection="1">
      <alignment horizontal="distributed" justifyLastLine="1"/>
      <protection locked="0"/>
    </xf>
    <xf numFmtId="37" fontId="14" fillId="0" borderId="37" xfId="2" quotePrefix="1" applyFont="1" applyFill="1" applyBorder="1" applyAlignment="1" applyProtection="1">
      <alignment horizontal="distributed" justifyLastLine="1"/>
    </xf>
    <xf numFmtId="37" fontId="14" fillId="0" borderId="88" xfId="2" quotePrefix="1" applyFont="1" applyFill="1" applyBorder="1" applyAlignment="1" applyProtection="1">
      <alignment horizontal="distributed" justifyLastLine="1"/>
    </xf>
    <xf numFmtId="37" fontId="14" fillId="0" borderId="40" xfId="2" quotePrefix="1" applyFont="1" applyFill="1" applyBorder="1" applyAlignment="1" applyProtection="1">
      <alignment horizontal="distributed" justifyLastLine="1"/>
    </xf>
    <xf numFmtId="37" fontId="14" fillId="0" borderId="53" xfId="2" quotePrefix="1" applyFont="1" applyFill="1" applyBorder="1" applyAlignment="1" applyProtection="1">
      <alignment horizontal="distributed" justifyLastLine="1"/>
    </xf>
    <xf numFmtId="37" fontId="14" fillId="0" borderId="81" xfId="2" applyFont="1" applyFill="1" applyBorder="1" applyAlignment="1" applyProtection="1">
      <alignment horizontal="distributed" justifyLastLine="1"/>
    </xf>
    <xf numFmtId="37" fontId="14" fillId="0" borderId="35" xfId="2" quotePrefix="1" applyFont="1" applyFill="1" applyBorder="1" applyAlignment="1">
      <alignment horizontal="center"/>
    </xf>
    <xf numFmtId="37" fontId="14" fillId="0" borderId="0" xfId="3" applyFont="1" applyFill="1"/>
    <xf numFmtId="37" fontId="6" fillId="0" borderId="0" xfId="4" applyFont="1" applyFill="1"/>
    <xf numFmtId="37" fontId="14" fillId="0" borderId="69" xfId="3" quotePrefix="1" applyFont="1" applyFill="1" applyBorder="1" applyAlignment="1">
      <alignment horizontal="center"/>
    </xf>
    <xf numFmtId="37" fontId="14" fillId="0" borderId="68" xfId="3" applyFont="1" applyFill="1" applyBorder="1"/>
    <xf numFmtId="37" fontId="14" fillId="0" borderId="46" xfId="3" applyFont="1" applyFill="1" applyBorder="1"/>
    <xf numFmtId="37" fontId="14" fillId="0" borderId="14" xfId="3" applyFont="1" applyFill="1" applyBorder="1" applyAlignment="1">
      <alignment horizontal="right"/>
    </xf>
    <xf numFmtId="37" fontId="14" fillId="0" borderId="39" xfId="3" quotePrefix="1" applyFont="1" applyFill="1" applyBorder="1" applyAlignment="1">
      <alignment horizontal="center"/>
    </xf>
    <xf numFmtId="37" fontId="14" fillId="0" borderId="19" xfId="3" applyFont="1" applyFill="1" applyBorder="1"/>
    <xf numFmtId="37" fontId="14" fillId="0" borderId="14" xfId="3" applyFont="1" applyFill="1" applyBorder="1"/>
    <xf numFmtId="37" fontId="14" fillId="0" borderId="46" xfId="3" quotePrefix="1" applyFont="1" applyFill="1" applyBorder="1" applyAlignment="1">
      <alignment horizontal="center" vertical="center"/>
    </xf>
    <xf numFmtId="37" fontId="14" fillId="0" borderId="39" xfId="3" applyFont="1" applyFill="1" applyBorder="1"/>
    <xf numFmtId="37" fontId="14" fillId="0" borderId="46" xfId="3" quotePrefix="1" applyFont="1" applyFill="1" applyBorder="1" applyAlignment="1">
      <alignment horizontal="center"/>
    </xf>
    <xf numFmtId="38" fontId="6" fillId="0" borderId="97" xfId="1" applyFont="1" applyFill="1" applyBorder="1"/>
    <xf numFmtId="37" fontId="14" fillId="0" borderId="47" xfId="3" applyFont="1" applyFill="1" applyBorder="1" applyAlignment="1">
      <alignment horizontal="center" vertical="center" wrapText="1"/>
    </xf>
    <xf numFmtId="38" fontId="6" fillId="0" borderId="98" xfId="1" applyFont="1" applyFill="1" applyBorder="1"/>
    <xf numFmtId="37" fontId="14" fillId="0" borderId="47" xfId="3" applyFont="1" applyFill="1" applyBorder="1" applyAlignment="1">
      <alignment vertical="center" wrapText="1"/>
    </xf>
    <xf numFmtId="37" fontId="6" fillId="0" borderId="105" xfId="3" applyFont="1" applyFill="1" applyBorder="1"/>
    <xf numFmtId="37" fontId="14" fillId="0" borderId="106" xfId="3" applyFont="1" applyFill="1" applyBorder="1"/>
    <xf numFmtId="37" fontId="14" fillId="0" borderId="30" xfId="3" applyFont="1" applyFill="1" applyBorder="1"/>
    <xf numFmtId="37" fontId="6" fillId="0" borderId="107" xfId="3" applyFont="1" applyFill="1" applyBorder="1" applyAlignment="1">
      <alignment horizontal="center" vertical="center" shrinkToFit="1"/>
    </xf>
    <xf numFmtId="37" fontId="6" fillId="0" borderId="108" xfId="3" applyFont="1" applyFill="1" applyBorder="1" applyAlignment="1">
      <alignment horizontal="center" vertical="center" shrinkToFit="1"/>
    </xf>
    <xf numFmtId="37" fontId="6" fillId="0" borderId="109" xfId="3" applyFont="1" applyFill="1" applyBorder="1" applyAlignment="1">
      <alignment horizontal="center" vertical="center" shrinkToFit="1"/>
    </xf>
    <xf numFmtId="37" fontId="14" fillId="0" borderId="26" xfId="3" applyFont="1" applyFill="1" applyBorder="1" applyAlignment="1" applyProtection="1">
      <alignment horizontal="left"/>
    </xf>
    <xf numFmtId="37" fontId="6" fillId="0" borderId="110" xfId="3" applyFont="1" applyFill="1" applyBorder="1" applyAlignment="1">
      <alignment vertical="center" wrapText="1"/>
    </xf>
    <xf numFmtId="37" fontId="14" fillId="0" borderId="39" xfId="3" applyFont="1" applyFill="1" applyBorder="1" applyAlignment="1">
      <alignment vertical="center"/>
    </xf>
    <xf numFmtId="37" fontId="14" fillId="0" borderId="19" xfId="3" applyFont="1" applyFill="1" applyBorder="1" applyAlignment="1">
      <alignment vertical="center"/>
    </xf>
    <xf numFmtId="37" fontId="14" fillId="0" borderId="19" xfId="3" applyFont="1" applyFill="1" applyBorder="1" applyAlignment="1">
      <alignment horizontal="center" vertical="center"/>
    </xf>
    <xf numFmtId="37" fontId="14" fillId="0" borderId="10" xfId="3" applyFont="1" applyFill="1" applyBorder="1" applyAlignment="1">
      <alignment horizontal="center" vertical="center"/>
    </xf>
    <xf numFmtId="37" fontId="14" fillId="0" borderId="38" xfId="3" applyFont="1" applyFill="1" applyBorder="1" applyAlignment="1" applyProtection="1">
      <alignment horizontal="left" vertical="center"/>
    </xf>
    <xf numFmtId="37" fontId="14" fillId="0" borderId="19" xfId="3" quotePrefix="1" applyFont="1" applyFill="1" applyBorder="1" applyAlignment="1">
      <alignment horizontal="center" vertical="center"/>
    </xf>
    <xf numFmtId="37" fontId="6" fillId="0" borderId="110" xfId="3" quotePrefix="1" applyFont="1" applyFill="1" applyBorder="1" applyAlignment="1">
      <alignment vertical="center" wrapText="1"/>
    </xf>
    <xf numFmtId="37" fontId="6" fillId="0" borderId="97" xfId="3" applyFont="1" applyFill="1" applyBorder="1" applyAlignment="1">
      <alignment vertical="center" wrapText="1"/>
    </xf>
    <xf numFmtId="37" fontId="14" fillId="0" borderId="41" xfId="3" applyFont="1" applyFill="1" applyBorder="1" applyAlignment="1">
      <alignment vertical="center"/>
    </xf>
    <xf numFmtId="37" fontId="14" fillId="0" borderId="1" xfId="3" applyFont="1" applyFill="1" applyBorder="1" applyAlignment="1">
      <alignment vertical="center"/>
    </xf>
    <xf numFmtId="37" fontId="14" fillId="0" borderId="1" xfId="3" applyFont="1" applyFill="1" applyBorder="1" applyAlignment="1">
      <alignment horizontal="center" vertical="center"/>
    </xf>
    <xf numFmtId="37" fontId="14" fillId="0" borderId="46" xfId="3" applyFont="1" applyFill="1" applyBorder="1" applyAlignment="1">
      <alignment vertical="center"/>
    </xf>
    <xf numFmtId="37" fontId="14" fillId="0" borderId="47" xfId="3" applyFont="1" applyFill="1" applyBorder="1" applyAlignment="1">
      <alignment vertical="center"/>
    </xf>
    <xf numFmtId="37" fontId="14" fillId="0" borderId="47" xfId="3" applyFont="1" applyFill="1" applyBorder="1" applyAlignment="1">
      <alignment horizontal="center" vertical="center"/>
    </xf>
    <xf numFmtId="37" fontId="14" fillId="0" borderId="40" xfId="3" applyFont="1" applyFill="1" applyBorder="1" applyAlignment="1" applyProtection="1">
      <alignment horizontal="left" vertical="center"/>
    </xf>
    <xf numFmtId="37" fontId="6" fillId="0" borderId="97" xfId="3" quotePrefix="1" applyFont="1" applyFill="1" applyBorder="1" applyAlignment="1">
      <alignment vertical="center" wrapText="1"/>
    </xf>
    <xf numFmtId="37" fontId="14" fillId="0" borderId="14" xfId="3" applyFont="1" applyFill="1" applyBorder="1" applyAlignment="1">
      <alignment horizontal="center" vertical="center"/>
    </xf>
    <xf numFmtId="37" fontId="14" fillId="0" borderId="21" xfId="3" applyFont="1" applyFill="1" applyBorder="1" applyAlignment="1" applyProtection="1">
      <alignment horizontal="left" vertical="center"/>
    </xf>
    <xf numFmtId="37" fontId="14" fillId="0" borderId="19" xfId="3" applyFont="1" applyFill="1" applyBorder="1" applyAlignment="1">
      <alignment horizontal="right" vertical="center" wrapText="1"/>
    </xf>
    <xf numFmtId="37" fontId="6" fillId="0" borderId="105" xfId="3" applyFont="1" applyFill="1" applyBorder="1" applyAlignment="1" applyProtection="1">
      <alignment vertical="center" wrapText="1"/>
    </xf>
    <xf numFmtId="37" fontId="14" fillId="0" borderId="79" xfId="3" applyFont="1" applyFill="1" applyBorder="1" applyAlignment="1" applyProtection="1">
      <alignment horizontal="center" vertical="center" wrapText="1"/>
    </xf>
    <xf numFmtId="37" fontId="14" fillId="0" borderId="13" xfId="3" applyFont="1" applyFill="1" applyBorder="1" applyAlignment="1" applyProtection="1">
      <alignment horizontal="center"/>
    </xf>
    <xf numFmtId="37" fontId="14" fillId="0" borderId="7" xfId="3" applyFont="1" applyFill="1" applyBorder="1" applyAlignment="1" applyProtection="1">
      <alignment horizontal="center" vertical="center"/>
    </xf>
    <xf numFmtId="37" fontId="14" fillId="0" borderId="10" xfId="3" applyFont="1" applyFill="1" applyBorder="1" applyAlignment="1">
      <alignment horizontal="centerContinuous"/>
    </xf>
    <xf numFmtId="37" fontId="14" fillId="0" borderId="10" xfId="3" applyFont="1" applyFill="1" applyBorder="1" applyAlignment="1" applyProtection="1">
      <alignment horizontal="centerContinuous"/>
    </xf>
    <xf numFmtId="37" fontId="14" fillId="0" borderId="19" xfId="3" applyFont="1" applyFill="1" applyBorder="1" applyAlignment="1" applyProtection="1">
      <alignment horizontal="centerContinuous"/>
    </xf>
    <xf numFmtId="37" fontId="14" fillId="0" borderId="5" xfId="3" applyFont="1" applyFill="1" applyBorder="1" applyAlignment="1" applyProtection="1">
      <alignment horizontal="center" vertical="center"/>
    </xf>
    <xf numFmtId="37" fontId="14" fillId="0" borderId="70" xfId="3" applyFont="1" applyFill="1" applyBorder="1" applyAlignment="1" applyProtection="1">
      <alignment horizontal="left"/>
    </xf>
    <xf numFmtId="37" fontId="14" fillId="0" borderId="70" xfId="3" applyFont="1" applyFill="1" applyBorder="1"/>
    <xf numFmtId="37" fontId="14" fillId="0" borderId="0" xfId="3" applyFont="1" applyFill="1" applyBorder="1"/>
    <xf numFmtId="37" fontId="2" fillId="0" borderId="0" xfId="3" applyFont="1" applyFill="1" applyBorder="1"/>
    <xf numFmtId="0" fontId="6" fillId="0" borderId="0" xfId="5" applyFont="1" applyFill="1"/>
    <xf numFmtId="38" fontId="14" fillId="0" borderId="0" xfId="6" applyFont="1" applyFill="1"/>
    <xf numFmtId="0" fontId="6" fillId="0" borderId="0" xfId="5" applyFont="1" applyFill="1" applyAlignment="1">
      <alignment vertical="center"/>
    </xf>
    <xf numFmtId="38" fontId="14" fillId="0" borderId="17" xfId="6" quotePrefix="1" applyFont="1" applyFill="1" applyBorder="1" applyAlignment="1" applyProtection="1"/>
    <xf numFmtId="38" fontId="14" fillId="0" borderId="22" xfId="6" quotePrefix="1" applyFont="1" applyFill="1" applyBorder="1" applyAlignment="1" applyProtection="1"/>
    <xf numFmtId="38" fontId="14" fillId="0" borderId="15" xfId="6" quotePrefix="1" applyFont="1" applyFill="1" applyBorder="1" applyAlignment="1" applyProtection="1"/>
    <xf numFmtId="38" fontId="14" fillId="0" borderId="126" xfId="6" quotePrefix="1" applyFont="1" applyFill="1" applyBorder="1" applyAlignment="1" applyProtection="1">
      <alignment vertical="center"/>
      <protection locked="0"/>
    </xf>
    <xf numFmtId="38" fontId="14" fillId="0" borderId="127" xfId="6" quotePrefix="1" applyFont="1" applyFill="1" applyBorder="1" applyAlignment="1" applyProtection="1">
      <alignment vertical="center"/>
      <protection locked="0"/>
    </xf>
    <xf numFmtId="38" fontId="6" fillId="0" borderId="0" xfId="5" applyNumberFormat="1" applyFont="1" applyFill="1" applyAlignment="1">
      <alignment vertical="center"/>
    </xf>
    <xf numFmtId="38" fontId="14" fillId="0" borderId="18" xfId="6" quotePrefix="1" applyFont="1" applyFill="1" applyBorder="1" applyAlignment="1" applyProtection="1"/>
    <xf numFmtId="38" fontId="14" fillId="0" borderId="34" xfId="6" quotePrefix="1" applyFont="1" applyFill="1" applyBorder="1" applyAlignment="1" applyProtection="1"/>
    <xf numFmtId="38" fontId="14" fillId="0" borderId="51" xfId="6" quotePrefix="1" applyFont="1" applyFill="1" applyBorder="1" applyAlignment="1" applyProtection="1"/>
    <xf numFmtId="38" fontId="14" fillId="0" borderId="129" xfId="6" quotePrefix="1" applyFont="1" applyFill="1" applyBorder="1" applyAlignment="1" applyProtection="1">
      <alignment vertical="center"/>
      <protection locked="0"/>
    </xf>
    <xf numFmtId="38" fontId="14" fillId="0" borderId="130" xfId="6" quotePrefix="1" applyFont="1" applyFill="1" applyBorder="1" applyAlignment="1" applyProtection="1">
      <alignment vertical="center"/>
      <protection locked="0"/>
    </xf>
    <xf numFmtId="38" fontId="14" fillId="0" borderId="131" xfId="6" applyFont="1" applyFill="1" applyBorder="1" applyAlignment="1" applyProtection="1"/>
    <xf numFmtId="38" fontId="14" fillId="0" borderId="132" xfId="6" applyFont="1" applyFill="1" applyBorder="1" applyAlignment="1" applyProtection="1"/>
    <xf numFmtId="179" fontId="14" fillId="0" borderId="31" xfId="5" applyNumberFormat="1" applyFont="1" applyFill="1" applyBorder="1" applyAlignment="1">
      <alignment vertical="center"/>
    </xf>
    <xf numFmtId="179" fontId="14" fillId="0" borderId="28" xfId="5" applyNumberFormat="1" applyFont="1" applyFill="1" applyBorder="1" applyAlignment="1">
      <alignment vertical="center"/>
    </xf>
    <xf numFmtId="179" fontId="27" fillId="0" borderId="28" xfId="5" applyNumberFormat="1" applyFont="1" applyFill="1" applyBorder="1" applyAlignment="1">
      <alignment vertical="center"/>
    </xf>
    <xf numFmtId="38" fontId="14" fillId="0" borderId="3" xfId="6" applyFont="1" applyFill="1" applyBorder="1" applyAlignment="1" applyProtection="1">
      <alignment horizontal="left"/>
    </xf>
    <xf numFmtId="0" fontId="14" fillId="0" borderId="26" xfId="5" applyFont="1" applyFill="1" applyBorder="1" applyAlignment="1" applyProtection="1"/>
    <xf numFmtId="38" fontId="14" fillId="0" borderId="133" xfId="6" quotePrefix="1" applyFont="1" applyFill="1" applyBorder="1" applyAlignment="1" applyProtection="1"/>
    <xf numFmtId="38" fontId="14" fillId="0" borderId="134" xfId="6" quotePrefix="1" applyFont="1" applyFill="1" applyBorder="1" applyAlignment="1" applyProtection="1"/>
    <xf numFmtId="38" fontId="14" fillId="0" borderId="14" xfId="6" quotePrefix="1" applyFont="1" applyFill="1" applyBorder="1" applyAlignment="1" applyProtection="1"/>
    <xf numFmtId="38" fontId="14" fillId="0" borderId="0" xfId="6" quotePrefix="1" applyFont="1" applyFill="1" applyBorder="1" applyAlignment="1" applyProtection="1"/>
    <xf numFmtId="38" fontId="14" fillId="0" borderId="135" xfId="6" applyFont="1" applyFill="1" applyBorder="1" applyAlignment="1" applyProtection="1"/>
    <xf numFmtId="38" fontId="14" fillId="0" borderId="14" xfId="6" applyFont="1" applyFill="1" applyBorder="1" applyAlignment="1" applyProtection="1"/>
    <xf numFmtId="38" fontId="14" fillId="0" borderId="31" xfId="6" applyFont="1" applyFill="1" applyBorder="1" applyAlignment="1" applyProtection="1"/>
    <xf numFmtId="38" fontId="14" fillId="0" borderId="134" xfId="6" applyFont="1" applyFill="1" applyBorder="1" applyAlignment="1" applyProtection="1"/>
    <xf numFmtId="38" fontId="14" fillId="0" borderId="133" xfId="6" applyFont="1" applyFill="1" applyBorder="1" applyAlignment="1" applyProtection="1"/>
    <xf numFmtId="38" fontId="14" fillId="0" borderId="136" xfId="6" applyFont="1" applyFill="1" applyBorder="1" applyAlignment="1" applyProtection="1"/>
    <xf numFmtId="38" fontId="14" fillId="0" borderId="137" xfId="6" quotePrefix="1" applyFont="1" applyFill="1" applyBorder="1" applyAlignment="1" applyProtection="1"/>
    <xf numFmtId="38" fontId="14" fillId="0" borderId="138" xfId="6" quotePrefix="1" applyFont="1" applyFill="1" applyBorder="1" applyAlignment="1" applyProtection="1"/>
    <xf numFmtId="38" fontId="14" fillId="0" borderId="137" xfId="6" applyFont="1" applyFill="1" applyBorder="1" applyAlignment="1" applyProtection="1"/>
    <xf numFmtId="38" fontId="14" fillId="0" borderId="139" xfId="6" quotePrefix="1" applyFont="1" applyFill="1" applyBorder="1" applyAlignment="1" applyProtection="1">
      <protection locked="0"/>
    </xf>
    <xf numFmtId="38" fontId="14" fillId="0" borderId="137" xfId="6" quotePrefix="1" applyFont="1" applyFill="1" applyBorder="1" applyAlignment="1" applyProtection="1">
      <protection locked="0"/>
    </xf>
    <xf numFmtId="38" fontId="14" fillId="0" borderId="137" xfId="6" quotePrefix="1" applyFont="1" applyFill="1" applyBorder="1" applyAlignment="1" applyProtection="1">
      <alignment vertical="center"/>
      <protection locked="0"/>
    </xf>
    <xf numFmtId="179" fontId="14" fillId="0" borderId="41" xfId="5" applyNumberFormat="1" applyFont="1" applyFill="1" applyBorder="1" applyAlignment="1">
      <alignment vertical="center"/>
    </xf>
    <xf numFmtId="179" fontId="14" fillId="0" borderId="1" xfId="5" applyNumberFormat="1" applyFont="1" applyFill="1" applyBorder="1" applyAlignment="1">
      <alignment vertical="center"/>
    </xf>
    <xf numFmtId="38" fontId="14" fillId="0" borderId="2" xfId="6" applyFont="1" applyFill="1" applyBorder="1" applyAlignment="1" applyProtection="1">
      <alignment horizontal="left"/>
    </xf>
    <xf numFmtId="0" fontId="14" fillId="0" borderId="21" xfId="5" applyFont="1" applyFill="1" applyBorder="1" applyAlignment="1" applyProtection="1"/>
    <xf numFmtId="38" fontId="14" fillId="0" borderId="131" xfId="6" quotePrefix="1" applyFont="1" applyFill="1" applyBorder="1" applyAlignment="1" applyProtection="1"/>
    <xf numFmtId="38" fontId="14" fillId="0" borderId="140" xfId="6" quotePrefix="1" applyFont="1" applyFill="1" applyBorder="1" applyAlignment="1" applyProtection="1"/>
    <xf numFmtId="38" fontId="14" fillId="0" borderId="139" xfId="6" applyFont="1" applyFill="1" applyBorder="1" applyAlignment="1" applyProtection="1"/>
    <xf numFmtId="38" fontId="14" fillId="0" borderId="138" xfId="6" applyFont="1" applyFill="1" applyBorder="1" applyAlignment="1" applyProtection="1"/>
    <xf numFmtId="38" fontId="14" fillId="0" borderId="41" xfId="6" applyFont="1" applyFill="1" applyBorder="1" applyAlignment="1" applyProtection="1"/>
    <xf numFmtId="38" fontId="14" fillId="0" borderId="1" xfId="6" applyFont="1" applyFill="1" applyBorder="1" applyAlignment="1" applyProtection="1"/>
    <xf numFmtId="179" fontId="14" fillId="0" borderId="141" xfId="5" applyNumberFormat="1" applyFont="1" applyFill="1" applyBorder="1" applyAlignment="1">
      <alignment vertical="center"/>
    </xf>
    <xf numFmtId="179" fontId="14" fillId="0" borderId="66" xfId="5" applyNumberFormat="1" applyFont="1" applyFill="1" applyBorder="1" applyAlignment="1">
      <alignment vertical="center"/>
    </xf>
    <xf numFmtId="38" fontId="14" fillId="0" borderId="66" xfId="6" applyFont="1" applyFill="1" applyBorder="1" applyAlignment="1" applyProtection="1">
      <alignment horizontal="left"/>
    </xf>
    <xf numFmtId="38" fontId="14" fillId="0" borderId="39" xfId="6" applyFont="1" applyFill="1" applyBorder="1" applyAlignment="1" applyProtection="1"/>
    <xf numFmtId="38" fontId="14" fillId="0" borderId="142" xfId="6" applyFont="1" applyFill="1" applyBorder="1" applyAlignment="1" applyProtection="1"/>
    <xf numFmtId="38" fontId="14" fillId="0" borderId="26" xfId="6" applyFont="1" applyFill="1" applyBorder="1" applyAlignment="1" applyProtection="1"/>
    <xf numFmtId="179" fontId="14" fillId="0" borderId="143" xfId="5" applyNumberFormat="1" applyFont="1" applyFill="1" applyBorder="1" applyAlignment="1">
      <alignment vertical="center"/>
    </xf>
    <xf numFmtId="179" fontId="14" fillId="0" borderId="136" xfId="5" applyNumberFormat="1" applyFont="1" applyFill="1" applyBorder="1" applyAlignment="1">
      <alignment vertical="center"/>
    </xf>
    <xf numFmtId="37" fontId="28" fillId="0" borderId="13" xfId="7" applyFont="1" applyFill="1" applyBorder="1" applyAlignment="1" applyProtection="1">
      <alignment horizontal="left"/>
    </xf>
    <xf numFmtId="38" fontId="14" fillId="0" borderId="142" xfId="6" quotePrefix="1" applyFont="1" applyFill="1" applyBorder="1" applyAlignment="1" applyProtection="1"/>
    <xf numFmtId="38" fontId="14" fillId="0" borderId="144" xfId="6" quotePrefix="1" applyFont="1" applyFill="1" applyBorder="1" applyAlignment="1" applyProtection="1"/>
    <xf numFmtId="38" fontId="14" fillId="0" borderId="13" xfId="6" quotePrefix="1" applyFont="1" applyFill="1" applyBorder="1" applyAlignment="1" applyProtection="1"/>
    <xf numFmtId="38" fontId="14" fillId="0" borderId="30" xfId="6" quotePrefix="1" applyFont="1" applyFill="1" applyBorder="1" applyAlignment="1" applyProtection="1"/>
    <xf numFmtId="38" fontId="14" fillId="0" borderId="13" xfId="6" applyFont="1" applyFill="1" applyBorder="1" applyAlignment="1" applyProtection="1"/>
    <xf numFmtId="37" fontId="28" fillId="0" borderId="145" xfId="7" applyFont="1" applyFill="1" applyBorder="1" applyAlignment="1" applyProtection="1">
      <alignment horizontal="left"/>
    </xf>
    <xf numFmtId="38" fontId="14" fillId="0" borderId="144" xfId="6" applyFont="1" applyFill="1" applyBorder="1" applyAlignment="1" applyProtection="1"/>
    <xf numFmtId="37" fontId="28" fillId="0" borderId="3" xfId="7" applyFont="1" applyFill="1" applyBorder="1" applyAlignment="1" applyProtection="1">
      <alignment horizontal="left"/>
    </xf>
    <xf numFmtId="38" fontId="14" fillId="0" borderId="146" xfId="6" quotePrefix="1" applyFont="1" applyFill="1" applyBorder="1" applyAlignment="1" applyProtection="1">
      <protection locked="0"/>
    </xf>
    <xf numFmtId="38" fontId="14" fillId="0" borderId="144" xfId="6" quotePrefix="1" applyFont="1" applyFill="1" applyBorder="1" applyAlignment="1" applyProtection="1">
      <protection locked="0"/>
    </xf>
    <xf numFmtId="179" fontId="14" fillId="0" borderId="147" xfId="5" applyNumberFormat="1" applyFont="1" applyFill="1" applyBorder="1" applyAlignment="1">
      <alignment vertical="center"/>
    </xf>
    <xf numFmtId="179" fontId="14" fillId="0" borderId="148" xfId="5" applyNumberFormat="1" applyFont="1" applyFill="1" applyBorder="1" applyAlignment="1">
      <alignment vertical="center"/>
    </xf>
    <xf numFmtId="37" fontId="28" fillId="0" borderId="19" xfId="7" applyFont="1" applyFill="1" applyBorder="1" applyAlignment="1" applyProtection="1">
      <alignment horizontal="left"/>
    </xf>
    <xf numFmtId="37" fontId="28" fillId="0" borderId="149" xfId="7" applyFont="1" applyFill="1" applyBorder="1" applyAlignment="1" applyProtection="1">
      <alignment horizontal="left"/>
    </xf>
    <xf numFmtId="37" fontId="28" fillId="0" borderId="2" xfId="7" applyFont="1" applyFill="1" applyBorder="1" applyAlignment="1" applyProtection="1">
      <alignment horizontal="left"/>
    </xf>
    <xf numFmtId="38" fontId="14" fillId="0" borderId="150" xfId="6" applyFont="1" applyFill="1" applyBorder="1" applyAlignment="1" applyProtection="1"/>
    <xf numFmtId="0" fontId="14" fillId="0" borderId="6" xfId="5" applyFont="1" applyFill="1" applyBorder="1" applyAlignment="1" applyProtection="1"/>
    <xf numFmtId="38" fontId="14" fillId="0" borderId="2" xfId="6" applyFont="1" applyFill="1" applyBorder="1" applyAlignment="1" applyProtection="1"/>
    <xf numFmtId="38" fontId="14" fillId="0" borderId="43" xfId="6" applyFont="1" applyFill="1" applyBorder="1" applyAlignment="1" applyProtection="1"/>
    <xf numFmtId="37" fontId="28" fillId="0" borderId="8" xfId="7" applyFont="1" applyFill="1" applyBorder="1" applyAlignment="1" applyProtection="1">
      <alignment horizontal="left"/>
    </xf>
    <xf numFmtId="38" fontId="14" fillId="0" borderId="150" xfId="6" quotePrefix="1" applyFont="1" applyFill="1" applyBorder="1" applyAlignment="1" applyProtection="1"/>
    <xf numFmtId="38" fontId="14" fillId="0" borderId="151" xfId="6" quotePrefix="1" applyFont="1" applyFill="1" applyBorder="1" applyAlignment="1" applyProtection="1"/>
    <xf numFmtId="38" fontId="14" fillId="0" borderId="8" xfId="6" quotePrefix="1" applyFont="1" applyFill="1" applyBorder="1" applyAlignment="1" applyProtection="1"/>
    <xf numFmtId="38" fontId="14" fillId="0" borderId="42" xfId="6" quotePrefix="1" applyFont="1" applyFill="1" applyBorder="1" applyAlignment="1" applyProtection="1"/>
    <xf numFmtId="38" fontId="14" fillId="0" borderId="152" xfId="6" applyFont="1" applyFill="1" applyBorder="1" applyAlignment="1" applyProtection="1"/>
    <xf numFmtId="38" fontId="14" fillId="0" borderId="8" xfId="6" applyFont="1" applyFill="1" applyBorder="1" applyAlignment="1" applyProtection="1"/>
    <xf numFmtId="37" fontId="28" fillId="0" borderId="153" xfId="7" applyFont="1" applyFill="1" applyBorder="1" applyAlignment="1" applyProtection="1">
      <alignment horizontal="left"/>
    </xf>
    <xf numFmtId="38" fontId="14" fillId="0" borderId="151" xfId="6" applyFont="1" applyFill="1" applyBorder="1" applyAlignment="1" applyProtection="1"/>
    <xf numFmtId="37" fontId="28" fillId="0" borderId="1" xfId="7" applyFont="1" applyFill="1" applyBorder="1" applyAlignment="1" applyProtection="1">
      <alignment horizontal="left"/>
    </xf>
    <xf numFmtId="38" fontId="14" fillId="0" borderId="152" xfId="6" quotePrefix="1" applyFont="1" applyFill="1" applyBorder="1" applyAlignment="1" applyProtection="1">
      <protection locked="0"/>
    </xf>
    <xf numFmtId="38" fontId="14" fillId="0" borderId="151" xfId="6" quotePrefix="1" applyFont="1" applyFill="1" applyBorder="1" applyAlignment="1" applyProtection="1">
      <protection locked="0"/>
    </xf>
    <xf numFmtId="38" fontId="14" fillId="0" borderId="154" xfId="6" applyFont="1" applyFill="1" applyBorder="1" applyAlignment="1" applyProtection="1"/>
    <xf numFmtId="38" fontId="14" fillId="0" borderId="21" xfId="6" applyFont="1" applyFill="1" applyBorder="1" applyAlignment="1" applyProtection="1"/>
    <xf numFmtId="37" fontId="28" fillId="0" borderId="14" xfId="7" applyFont="1" applyFill="1" applyBorder="1" applyAlignment="1" applyProtection="1">
      <alignment horizontal="left"/>
    </xf>
    <xf numFmtId="38" fontId="14" fillId="0" borderId="155" xfId="6" applyFont="1" applyFill="1" applyBorder="1" applyAlignment="1" applyProtection="1"/>
    <xf numFmtId="37" fontId="28" fillId="0" borderId="156" xfId="7" applyFont="1" applyFill="1" applyBorder="1" applyAlignment="1" applyProtection="1">
      <alignment horizontal="left"/>
    </xf>
    <xf numFmtId="38" fontId="14" fillId="0" borderId="44" xfId="6" applyFont="1" applyFill="1" applyBorder="1" applyAlignment="1" applyProtection="1"/>
    <xf numFmtId="38" fontId="14" fillId="0" borderId="12" xfId="6" applyFont="1" applyFill="1" applyBorder="1" applyAlignment="1" applyProtection="1"/>
    <xf numFmtId="37" fontId="28" fillId="0" borderId="47" xfId="7" applyFont="1" applyFill="1" applyBorder="1" applyAlignment="1" applyProtection="1">
      <alignment horizontal="left"/>
    </xf>
    <xf numFmtId="38" fontId="14" fillId="0" borderId="155" xfId="6" quotePrefix="1" applyFont="1" applyFill="1" applyBorder="1" applyAlignment="1" applyProtection="1">
      <protection locked="0"/>
    </xf>
    <xf numFmtId="38" fontId="14" fillId="0" borderId="134" xfId="6" quotePrefix="1" applyFont="1" applyFill="1" applyBorder="1" applyAlignment="1" applyProtection="1">
      <protection locked="0"/>
    </xf>
    <xf numFmtId="37" fontId="14" fillId="0" borderId="19" xfId="7" applyFont="1" applyFill="1" applyBorder="1" applyAlignment="1" applyProtection="1">
      <alignment horizontal="left"/>
    </xf>
    <xf numFmtId="38" fontId="14" fillId="0" borderId="147" xfId="6" applyFont="1" applyFill="1" applyBorder="1" applyAlignment="1" applyProtection="1"/>
    <xf numFmtId="38" fontId="14" fillId="0" borderId="157" xfId="6" applyFont="1" applyFill="1" applyBorder="1" applyAlignment="1" applyProtection="1"/>
    <xf numFmtId="179" fontId="14" fillId="0" borderId="158" xfId="5" applyNumberFormat="1" applyFont="1" applyFill="1" applyBorder="1" applyAlignment="1">
      <alignment vertical="center"/>
    </xf>
    <xf numFmtId="179" fontId="14" fillId="0" borderId="159" xfId="5" applyNumberFormat="1" applyFont="1" applyFill="1" applyBorder="1" applyAlignment="1">
      <alignment vertical="center"/>
    </xf>
    <xf numFmtId="37" fontId="14" fillId="0" borderId="160" xfId="7" applyFont="1" applyFill="1" applyBorder="1" applyAlignment="1" applyProtection="1">
      <alignment horizontal="left"/>
    </xf>
    <xf numFmtId="37" fontId="28" fillId="0" borderId="161" xfId="7" applyFont="1" applyFill="1" applyBorder="1" applyAlignment="1" applyProtection="1">
      <alignment horizontal="left"/>
    </xf>
    <xf numFmtId="38" fontId="14" fillId="0" borderId="162" xfId="6" applyFont="1" applyFill="1" applyBorder="1" applyAlignment="1" applyProtection="1"/>
    <xf numFmtId="37" fontId="28" fillId="0" borderId="163" xfId="7" applyFont="1" applyFill="1" applyBorder="1" applyAlignment="1" applyProtection="1">
      <alignment horizontal="left"/>
    </xf>
    <xf numFmtId="38" fontId="14" fillId="0" borderId="164" xfId="6" applyFont="1" applyFill="1" applyBorder="1" applyAlignment="1" applyProtection="1"/>
    <xf numFmtId="0" fontId="14" fillId="0" borderId="165" xfId="5" applyFont="1" applyFill="1" applyBorder="1" applyAlignment="1" applyProtection="1">
      <alignment horizontal="center" vertical="center"/>
    </xf>
    <xf numFmtId="0" fontId="14" fillId="0" borderId="166" xfId="5" applyFont="1" applyFill="1" applyBorder="1" applyAlignment="1" applyProtection="1">
      <alignment horizontal="center" vertical="center"/>
    </xf>
    <xf numFmtId="0" fontId="14" fillId="0" borderId="167" xfId="5" applyFont="1" applyFill="1" applyBorder="1" applyAlignment="1" applyProtection="1">
      <alignment horizontal="center" vertical="center"/>
    </xf>
    <xf numFmtId="0" fontId="14" fillId="0" borderId="168" xfId="5" applyFont="1" applyFill="1" applyBorder="1" applyAlignment="1" applyProtection="1">
      <alignment horizontal="center" vertical="center"/>
    </xf>
    <xf numFmtId="0" fontId="14" fillId="0" borderId="169" xfId="5" applyFont="1" applyFill="1" applyBorder="1" applyAlignment="1" applyProtection="1">
      <alignment horizontal="center" vertical="center"/>
    </xf>
    <xf numFmtId="0" fontId="14" fillId="0" borderId="171" xfId="5" applyFont="1" applyFill="1" applyBorder="1" applyAlignment="1" applyProtection="1">
      <alignment horizontal="center" vertical="center"/>
    </xf>
    <xf numFmtId="0" fontId="14" fillId="0" borderId="172" xfId="5" applyFont="1" applyFill="1" applyBorder="1" applyAlignment="1" applyProtection="1">
      <alignment horizontal="center" vertical="center"/>
    </xf>
    <xf numFmtId="0" fontId="14" fillId="0" borderId="173" xfId="5" applyFont="1" applyFill="1" applyBorder="1" applyAlignment="1" applyProtection="1">
      <alignment horizontal="center" vertical="center"/>
    </xf>
    <xf numFmtId="0" fontId="14" fillId="0" borderId="175" xfId="5" applyFont="1" applyFill="1" applyBorder="1" applyAlignment="1" applyProtection="1">
      <alignment horizontal="center" vertical="center"/>
    </xf>
    <xf numFmtId="0" fontId="14" fillId="0" borderId="176" xfId="5" applyFont="1" applyFill="1" applyBorder="1" applyAlignment="1" applyProtection="1">
      <alignment horizontal="center" vertical="center"/>
    </xf>
    <xf numFmtId="0" fontId="14" fillId="0" borderId="177" xfId="5" applyFont="1" applyFill="1" applyBorder="1" applyAlignment="1" applyProtection="1">
      <alignment horizontal="center" vertical="center"/>
    </xf>
    <xf numFmtId="0" fontId="14" fillId="0" borderId="31" xfId="5" applyFont="1" applyFill="1" applyBorder="1" applyAlignment="1" applyProtection="1">
      <alignment horizontal="center" vertical="center"/>
    </xf>
    <xf numFmtId="0" fontId="14" fillId="0" borderId="178" xfId="5" applyFont="1" applyFill="1" applyBorder="1" applyAlignment="1" applyProtection="1">
      <alignment horizontal="center" vertical="center"/>
    </xf>
    <xf numFmtId="0" fontId="6" fillId="0" borderId="0" xfId="5" applyFont="1" applyFill="1" applyBorder="1" applyProtection="1"/>
    <xf numFmtId="0" fontId="6" fillId="0" borderId="0" xfId="5" applyFont="1" applyFill="1" applyBorder="1" applyAlignment="1" applyProtection="1">
      <alignment horizontal="right"/>
    </xf>
    <xf numFmtId="0" fontId="2" fillId="0" borderId="0" xfId="5" applyFont="1" applyFill="1"/>
    <xf numFmtId="0" fontId="2" fillId="0" borderId="0" xfId="5" applyFont="1" applyFill="1" applyBorder="1" applyProtection="1"/>
    <xf numFmtId="38" fontId="14" fillId="0" borderId="57" xfId="6" quotePrefix="1" applyFont="1" applyFill="1" applyBorder="1" applyAlignment="1" applyProtection="1"/>
    <xf numFmtId="38" fontId="14" fillId="0" borderId="54" xfId="6" quotePrefix="1" applyFont="1" applyFill="1" applyBorder="1" applyAlignment="1" applyProtection="1"/>
    <xf numFmtId="38" fontId="14" fillId="0" borderId="69" xfId="6" quotePrefix="1" applyFont="1" applyFill="1" applyBorder="1" applyAlignment="1" applyProtection="1"/>
    <xf numFmtId="38" fontId="14" fillId="0" borderId="68" xfId="6" quotePrefix="1" applyFont="1" applyFill="1" applyBorder="1" applyAlignment="1" applyProtection="1"/>
    <xf numFmtId="0" fontId="6" fillId="0" borderId="0" xfId="5" applyFont="1" applyFill="1" applyBorder="1" applyAlignment="1">
      <alignment vertical="center"/>
    </xf>
    <xf numFmtId="38" fontId="6" fillId="0" borderId="0" xfId="5" applyNumberFormat="1" applyFont="1" applyFill="1" applyBorder="1" applyAlignment="1">
      <alignment vertical="center"/>
    </xf>
    <xf numFmtId="38" fontId="6" fillId="0" borderId="0" xfId="6" applyFont="1" applyFill="1" applyBorder="1" applyAlignment="1" applyProtection="1">
      <alignment vertical="center"/>
    </xf>
    <xf numFmtId="38" fontId="6" fillId="0" borderId="0" xfId="6" quotePrefix="1" applyFont="1" applyFill="1" applyBorder="1" applyAlignment="1" applyProtection="1">
      <alignment vertical="center"/>
    </xf>
    <xf numFmtId="38" fontId="14" fillId="0" borderId="31" xfId="6" quotePrefix="1" applyFont="1" applyFill="1" applyBorder="1" applyAlignment="1" applyProtection="1">
      <alignment horizontal="center"/>
    </xf>
    <xf numFmtId="38" fontId="14" fillId="0" borderId="28" xfId="6" quotePrefix="1" applyFont="1" applyFill="1" applyBorder="1" applyAlignment="1" applyProtection="1">
      <alignment horizontal="center"/>
    </xf>
    <xf numFmtId="38" fontId="14" fillId="0" borderId="57" xfId="6" quotePrefix="1" applyFont="1" applyFill="1" applyBorder="1" applyAlignment="1" applyProtection="1">
      <alignment horizontal="center"/>
    </xf>
    <xf numFmtId="38" fontId="14" fillId="0" borderId="54" xfId="6" quotePrefix="1" applyFont="1" applyFill="1" applyBorder="1" applyAlignment="1" applyProtection="1">
      <alignment horizontal="center"/>
    </xf>
    <xf numFmtId="38" fontId="14" fillId="0" borderId="209" xfId="6" quotePrefix="1" applyFont="1" applyFill="1" applyBorder="1" applyAlignment="1" applyProtection="1">
      <alignment horizontal="center"/>
    </xf>
    <xf numFmtId="38" fontId="14" fillId="0" borderId="55" xfId="6" quotePrefix="1" applyFont="1" applyFill="1" applyBorder="1" applyAlignment="1" applyProtection="1">
      <alignment horizontal="center" vertical="center"/>
    </xf>
    <xf numFmtId="38" fontId="14" fillId="0" borderId="58" xfId="6" quotePrefix="1" applyFont="1" applyFill="1" applyBorder="1" applyAlignment="1" applyProtection="1">
      <alignment horizontal="center" vertical="center"/>
    </xf>
    <xf numFmtId="38" fontId="14" fillId="0" borderId="55" xfId="6" quotePrefix="1" applyFont="1" applyFill="1" applyBorder="1" applyAlignment="1" applyProtection="1">
      <alignment horizontal="center"/>
    </xf>
    <xf numFmtId="38" fontId="14" fillId="0" borderId="29" xfId="6" quotePrefix="1" applyFont="1" applyFill="1" applyBorder="1" applyAlignment="1" applyProtection="1">
      <alignment horizontal="center"/>
    </xf>
    <xf numFmtId="38" fontId="14" fillId="0" borderId="13" xfId="6" applyFont="1" applyFill="1" applyBorder="1" applyAlignment="1" applyProtection="1">
      <alignment horizontal="left"/>
    </xf>
    <xf numFmtId="38" fontId="14" fillId="0" borderId="64" xfId="6" quotePrefix="1" applyFont="1" applyFill="1" applyBorder="1" applyAlignment="1" applyProtection="1">
      <alignment horizontal="center"/>
    </xf>
    <xf numFmtId="38" fontId="14" fillId="0" borderId="211" xfId="6" quotePrefix="1" applyFont="1" applyFill="1" applyBorder="1" applyAlignment="1" applyProtection="1">
      <alignment horizontal="center"/>
    </xf>
    <xf numFmtId="38" fontId="14" fillId="0" borderId="41" xfId="6" quotePrefix="1" applyFont="1" applyFill="1" applyBorder="1" applyAlignment="1" applyProtection="1">
      <alignment horizontal="center"/>
    </xf>
    <xf numFmtId="38" fontId="14" fillId="0" borderId="1" xfId="6" quotePrefix="1" applyFont="1" applyFill="1" applyBorder="1" applyAlignment="1" applyProtection="1">
      <alignment horizontal="center"/>
    </xf>
    <xf numFmtId="38" fontId="14" fillId="0" borderId="19" xfId="6" applyFont="1" applyFill="1" applyBorder="1" applyAlignment="1" applyProtection="1">
      <alignment horizontal="left"/>
    </xf>
    <xf numFmtId="38" fontId="14" fillId="0" borderId="4" xfId="6" quotePrefix="1" applyFont="1" applyFill="1" applyBorder="1" applyAlignment="1" applyProtection="1">
      <alignment horizontal="center"/>
    </xf>
    <xf numFmtId="38" fontId="14" fillId="0" borderId="8" xfId="6" quotePrefix="1" applyFont="1" applyFill="1" applyBorder="1" applyAlignment="1" applyProtection="1">
      <alignment horizontal="center"/>
    </xf>
    <xf numFmtId="38" fontId="14" fillId="0" borderId="42" xfId="6" quotePrefix="1" applyFont="1" applyFill="1" applyBorder="1" applyAlignment="1" applyProtection="1">
      <alignment horizontal="center"/>
    </xf>
    <xf numFmtId="38" fontId="14" fillId="0" borderId="141" xfId="6" quotePrefix="1" applyFont="1" applyFill="1" applyBorder="1" applyAlignment="1" applyProtection="1">
      <alignment horizontal="center"/>
    </xf>
    <xf numFmtId="38" fontId="14" fillId="0" borderId="66" xfId="6" quotePrefix="1" applyFont="1" applyFill="1" applyBorder="1" applyAlignment="1" applyProtection="1">
      <alignment horizontal="center"/>
    </xf>
    <xf numFmtId="38" fontId="14" fillId="0" borderId="117" xfId="6" applyFont="1" applyFill="1" applyBorder="1" applyAlignment="1" applyProtection="1">
      <alignment horizontal="left"/>
    </xf>
    <xf numFmtId="38" fontId="14" fillId="0" borderId="116" xfId="6" quotePrefix="1" applyFont="1" applyFill="1" applyBorder="1" applyAlignment="1" applyProtection="1">
      <alignment horizontal="center"/>
    </xf>
    <xf numFmtId="38" fontId="14" fillId="0" borderId="117" xfId="6" quotePrefix="1" applyFont="1" applyFill="1" applyBorder="1" applyAlignment="1" applyProtection="1">
      <alignment horizontal="center"/>
    </xf>
    <xf numFmtId="38" fontId="14" fillId="0" borderId="212" xfId="6" quotePrefix="1" applyFont="1" applyFill="1" applyBorder="1" applyAlignment="1" applyProtection="1">
      <alignment horizontal="center"/>
    </xf>
    <xf numFmtId="38" fontId="14" fillId="0" borderId="52" xfId="6" quotePrefix="1" applyFont="1" applyFill="1" applyBorder="1" applyAlignment="1" applyProtection="1"/>
    <xf numFmtId="38" fontId="14" fillId="0" borderId="213" xfId="6" applyFont="1" applyFill="1" applyBorder="1" applyAlignment="1" applyProtection="1"/>
    <xf numFmtId="38" fontId="14" fillId="0" borderId="41" xfId="6" quotePrefix="1" applyFont="1" applyFill="1" applyBorder="1" applyAlignment="1" applyProtection="1"/>
    <xf numFmtId="38" fontId="14" fillId="0" borderId="1" xfId="6" quotePrefix="1" applyFont="1" applyFill="1" applyBorder="1" applyAlignment="1" applyProtection="1"/>
    <xf numFmtId="38" fontId="28" fillId="0" borderId="8" xfId="6" applyFont="1" applyFill="1" applyBorder="1" applyAlignment="1"/>
    <xf numFmtId="38" fontId="14" fillId="0" borderId="4" xfId="6" quotePrefix="1" applyFont="1" applyFill="1" applyBorder="1" applyAlignment="1" applyProtection="1"/>
    <xf numFmtId="0" fontId="14" fillId="0" borderId="19" xfId="5" applyFont="1" applyFill="1" applyBorder="1" applyAlignment="1" applyProtection="1">
      <alignment horizontal="left" vertical="center"/>
    </xf>
    <xf numFmtId="0" fontId="14" fillId="0" borderId="0" xfId="5" applyFont="1" applyFill="1" applyBorder="1" applyAlignment="1" applyProtection="1">
      <alignment vertical="center"/>
    </xf>
    <xf numFmtId="38" fontId="14" fillId="0" borderId="19" xfId="6" quotePrefix="1" applyFont="1" applyFill="1" applyBorder="1" applyAlignment="1" applyProtection="1"/>
    <xf numFmtId="38" fontId="14" fillId="0" borderId="2" xfId="6" quotePrefix="1" applyFont="1" applyFill="1" applyBorder="1" applyAlignment="1" applyProtection="1"/>
    <xf numFmtId="38" fontId="28" fillId="0" borderId="28" xfId="6" applyFont="1" applyFill="1" applyBorder="1" applyAlignment="1"/>
    <xf numFmtId="38" fontId="14" fillId="0" borderId="39" xfId="6" quotePrefix="1" applyFont="1" applyFill="1" applyBorder="1" applyAlignment="1" applyProtection="1"/>
    <xf numFmtId="38" fontId="28" fillId="0" borderId="1" xfId="6" applyFont="1" applyFill="1" applyBorder="1" applyAlignment="1"/>
    <xf numFmtId="38" fontId="28" fillId="0" borderId="19" xfId="6" applyFont="1" applyFill="1" applyBorder="1" applyAlignment="1"/>
    <xf numFmtId="38" fontId="14" fillId="0" borderId="67" xfId="6" quotePrefix="1" applyFont="1" applyFill="1" applyBorder="1" applyAlignment="1" applyProtection="1"/>
    <xf numFmtId="38" fontId="28" fillId="0" borderId="2" xfId="6" applyFont="1" applyFill="1" applyBorder="1" applyAlignment="1"/>
    <xf numFmtId="0" fontId="14" fillId="0" borderId="1" xfId="5" applyFont="1" applyFill="1" applyBorder="1" applyAlignment="1" applyProtection="1">
      <alignment horizontal="left" vertical="center"/>
    </xf>
    <xf numFmtId="0" fontId="14" fillId="0" borderId="1" xfId="5" applyFont="1" applyFill="1" applyBorder="1" applyAlignment="1" applyProtection="1">
      <alignment vertical="center"/>
    </xf>
    <xf numFmtId="38" fontId="14" fillId="0" borderId="44" xfId="6" quotePrefix="1" applyFont="1" applyFill="1" applyBorder="1" applyAlignment="1" applyProtection="1"/>
    <xf numFmtId="38" fontId="14" fillId="0" borderId="12" xfId="6" quotePrefix="1" applyFont="1" applyFill="1" applyBorder="1" applyAlignment="1" applyProtection="1"/>
    <xf numFmtId="38" fontId="28" fillId="0" borderId="11" xfId="6" applyFont="1" applyFill="1" applyBorder="1" applyAlignment="1"/>
    <xf numFmtId="38" fontId="14" fillId="0" borderId="75" xfId="6" quotePrefix="1" applyFont="1" applyFill="1" applyBorder="1" applyAlignment="1" applyProtection="1"/>
    <xf numFmtId="0" fontId="14" fillId="0" borderId="14" xfId="5" applyFont="1" applyFill="1" applyBorder="1" applyAlignment="1" applyProtection="1">
      <alignment horizontal="left" vertical="center"/>
    </xf>
    <xf numFmtId="38" fontId="14" fillId="0" borderId="47" xfId="6" quotePrefix="1" applyFont="1" applyFill="1" applyBorder="1" applyAlignment="1" applyProtection="1"/>
    <xf numFmtId="38" fontId="28" fillId="0" borderId="12" xfId="6" applyFont="1" applyFill="1" applyBorder="1" applyAlignment="1"/>
    <xf numFmtId="38" fontId="14" fillId="0" borderId="46" xfId="6" quotePrefix="1" applyFont="1" applyFill="1" applyBorder="1" applyAlignment="1" applyProtection="1"/>
    <xf numFmtId="38" fontId="14" fillId="0" borderId="163" xfId="6" quotePrefix="1" applyFont="1" applyFill="1" applyBorder="1" applyAlignment="1" applyProtection="1"/>
    <xf numFmtId="38" fontId="28" fillId="0" borderId="66" xfId="6" applyFont="1" applyFill="1" applyBorder="1" applyAlignment="1"/>
    <xf numFmtId="0" fontId="14" fillId="0" borderId="0" xfId="5" applyFont="1" applyFill="1"/>
    <xf numFmtId="38" fontId="14" fillId="0" borderId="0" xfId="5" applyNumberFormat="1" applyFont="1" applyFill="1"/>
    <xf numFmtId="38" fontId="30" fillId="0" borderId="0" xfId="6" applyFont="1" applyFill="1" applyBorder="1" applyAlignment="1" applyProtection="1"/>
    <xf numFmtId="38" fontId="30" fillId="0" borderId="0" xfId="6" quotePrefix="1" applyFont="1" applyFill="1" applyBorder="1" applyAlignment="1" applyProtection="1"/>
    <xf numFmtId="38" fontId="30" fillId="0" borderId="0" xfId="6" quotePrefix="1" applyFont="1" applyFill="1" applyBorder="1" applyAlignment="1" applyProtection="1">
      <protection locked="0"/>
    </xf>
    <xf numFmtId="0" fontId="30" fillId="0" borderId="0" xfId="6" quotePrefix="1" applyNumberFormat="1" applyFont="1" applyFill="1" applyBorder="1" applyAlignment="1" applyProtection="1"/>
    <xf numFmtId="38" fontId="31" fillId="0" borderId="69" xfId="6" applyFont="1" applyFill="1" applyBorder="1" applyAlignment="1" applyProtection="1"/>
    <xf numFmtId="38" fontId="31" fillId="0" borderId="72" xfId="6" applyFont="1" applyFill="1" applyBorder="1" applyAlignment="1" applyProtection="1"/>
    <xf numFmtId="38" fontId="31" fillId="0" borderId="27" xfId="6" applyFont="1" applyFill="1" applyBorder="1" applyAlignment="1" applyProtection="1"/>
    <xf numFmtId="38" fontId="31" fillId="0" borderId="3" xfId="6" applyFont="1" applyFill="1" applyBorder="1" applyAlignment="1" applyProtection="1"/>
    <xf numFmtId="38" fontId="11" fillId="0" borderId="28" xfId="6" applyFont="1" applyFill="1" applyBorder="1" applyAlignment="1" applyProtection="1">
      <alignment horizontal="center"/>
    </xf>
    <xf numFmtId="38" fontId="31" fillId="0" borderId="52" xfId="6" applyFont="1" applyFill="1" applyBorder="1" applyAlignment="1" applyProtection="1">
      <protection locked="0"/>
    </xf>
    <xf numFmtId="38" fontId="31" fillId="0" borderId="18" xfId="6" applyFont="1" applyFill="1" applyBorder="1" applyAlignment="1" applyProtection="1">
      <protection locked="0"/>
    </xf>
    <xf numFmtId="38" fontId="31" fillId="0" borderId="39" xfId="6" applyFont="1" applyFill="1" applyBorder="1" applyAlignment="1" applyProtection="1"/>
    <xf numFmtId="38" fontId="31" fillId="0" borderId="2" xfId="6" quotePrefix="1" applyFont="1" applyFill="1" applyBorder="1" applyAlignment="1" applyProtection="1"/>
    <xf numFmtId="38" fontId="31" fillId="0" borderId="2" xfId="6" quotePrefix="1" applyFont="1" applyFill="1" applyBorder="1" applyAlignment="1" applyProtection="1">
      <protection locked="0"/>
    </xf>
    <xf numFmtId="38" fontId="32" fillId="0" borderId="3" xfId="6" applyFont="1" applyFill="1" applyBorder="1" applyAlignment="1" applyProtection="1">
      <alignment horizontal="left"/>
    </xf>
    <xf numFmtId="0" fontId="11" fillId="0" borderId="26" xfId="5" applyFont="1" applyFill="1" applyBorder="1" applyAlignment="1" applyProtection="1"/>
    <xf numFmtId="38" fontId="11" fillId="0" borderId="47" xfId="6" applyFont="1" applyFill="1" applyBorder="1" applyAlignment="1" applyProtection="1">
      <alignment horizontal="center"/>
    </xf>
    <xf numFmtId="38" fontId="32" fillId="0" borderId="2" xfId="6" applyFont="1" applyFill="1" applyBorder="1" applyAlignment="1" applyProtection="1">
      <alignment horizontal="left"/>
    </xf>
    <xf numFmtId="0" fontId="11" fillId="0" borderId="21" xfId="5" applyFont="1" applyFill="1" applyBorder="1" applyAlignment="1" applyProtection="1"/>
    <xf numFmtId="38" fontId="11" fillId="0" borderId="1" xfId="6" applyFont="1" applyFill="1" applyBorder="1" applyAlignment="1" applyProtection="1">
      <alignment horizontal="center"/>
    </xf>
    <xf numFmtId="38" fontId="31" fillId="0" borderId="3" xfId="6" quotePrefix="1" applyFont="1" applyFill="1" applyBorder="1" applyAlignment="1" applyProtection="1"/>
    <xf numFmtId="38" fontId="31" fillId="0" borderId="3" xfId="6" quotePrefix="1" applyFont="1" applyFill="1" applyBorder="1" applyAlignment="1" applyProtection="1">
      <protection locked="0"/>
    </xf>
    <xf numFmtId="38" fontId="32" fillId="0" borderId="28" xfId="6" applyFont="1" applyFill="1" applyBorder="1" applyAlignment="1"/>
    <xf numFmtId="38" fontId="32" fillId="0" borderId="1" xfId="6" applyFont="1" applyFill="1" applyBorder="1" applyAlignment="1"/>
    <xf numFmtId="38" fontId="31" fillId="0" borderId="41" xfId="6" applyFont="1" applyFill="1" applyBorder="1" applyAlignment="1" applyProtection="1"/>
    <xf numFmtId="38" fontId="31" fillId="0" borderId="1" xfId="6" quotePrefix="1" applyFont="1" applyFill="1" applyBorder="1" applyAlignment="1" applyProtection="1"/>
    <xf numFmtId="38" fontId="31" fillId="0" borderId="1" xfId="6" quotePrefix="1" applyFont="1" applyFill="1" applyBorder="1" applyAlignment="1" applyProtection="1">
      <protection locked="0"/>
    </xf>
    <xf numFmtId="0" fontId="11" fillId="0" borderId="6" xfId="5" applyFont="1" applyFill="1" applyBorder="1" applyAlignment="1" applyProtection="1"/>
    <xf numFmtId="0" fontId="14" fillId="0" borderId="0" xfId="5" applyFont="1" applyFill="1" applyAlignment="1"/>
    <xf numFmtId="0" fontId="11" fillId="0" borderId="27" xfId="5" quotePrefix="1" applyFont="1" applyFill="1" applyBorder="1" applyAlignment="1" applyProtection="1">
      <alignment horizontal="center" vertical="center"/>
    </xf>
    <xf numFmtId="0" fontId="11" fillId="0" borderId="3" xfId="5" quotePrefix="1" applyFont="1" applyFill="1" applyBorder="1" applyAlignment="1" applyProtection="1">
      <alignment horizontal="center" vertical="center"/>
    </xf>
    <xf numFmtId="0" fontId="11" fillId="0" borderId="223" xfId="5" applyFont="1" applyFill="1" applyBorder="1" applyAlignment="1" applyProtection="1">
      <alignment horizontal="distributed" vertical="center" justifyLastLine="1"/>
    </xf>
    <xf numFmtId="0" fontId="11" fillId="0" borderId="122" xfId="5" applyFont="1" applyFill="1" applyBorder="1" applyAlignment="1" applyProtection="1">
      <alignment horizontal="distributed" vertical="center" justifyLastLine="1"/>
    </xf>
    <xf numFmtId="0" fontId="2" fillId="0" borderId="0" xfId="5" applyFont="1" applyFill="1" applyBorder="1" applyAlignment="1">
      <alignment vertical="center"/>
    </xf>
    <xf numFmtId="0" fontId="6" fillId="0" borderId="0" xfId="5" applyFont="1" applyFill="1" applyAlignment="1"/>
    <xf numFmtId="180" fontId="6" fillId="0" borderId="0" xfId="5" applyNumberFormat="1" applyFont="1" applyFill="1" applyAlignment="1"/>
    <xf numFmtId="38" fontId="6" fillId="0" borderId="0" xfId="5" applyNumberFormat="1" applyFont="1" applyFill="1" applyAlignment="1"/>
    <xf numFmtId="38" fontId="11" fillId="0" borderId="54" xfId="6" applyFont="1" applyFill="1" applyBorder="1" applyAlignment="1"/>
    <xf numFmtId="182" fontId="11" fillId="0" borderId="54" xfId="6" applyNumberFormat="1" applyFont="1" applyFill="1" applyBorder="1" applyAlignment="1"/>
    <xf numFmtId="38" fontId="11" fillId="0" borderId="28" xfId="6" applyFont="1" applyFill="1" applyBorder="1" applyAlignment="1"/>
    <xf numFmtId="182" fontId="11" fillId="0" borderId="28" xfId="6" applyNumberFormat="1" applyFont="1" applyFill="1" applyBorder="1" applyAlignment="1" applyProtection="1">
      <alignment horizontal="center"/>
    </xf>
    <xf numFmtId="182" fontId="11" fillId="0" borderId="28" xfId="6" applyNumberFormat="1" applyFont="1" applyFill="1" applyBorder="1" applyAlignment="1">
      <alignment horizontal="right"/>
    </xf>
    <xf numFmtId="38" fontId="11" fillId="0" borderId="28" xfId="6" applyNumberFormat="1" applyFont="1" applyFill="1" applyBorder="1" applyAlignment="1"/>
    <xf numFmtId="38" fontId="11" fillId="0" borderId="1" xfId="6" applyFont="1" applyFill="1" applyBorder="1" applyAlignment="1"/>
    <xf numFmtId="182" fontId="11" fillId="0" borderId="47" xfId="6" applyNumberFormat="1" applyFont="1" applyFill="1" applyBorder="1" applyAlignment="1" applyProtection="1">
      <alignment horizontal="center"/>
    </xf>
    <xf numFmtId="182" fontId="11" fillId="0" borderId="1" xfId="6" applyNumberFormat="1" applyFont="1" applyFill="1" applyBorder="1" applyAlignment="1" applyProtection="1">
      <alignment horizontal="center"/>
    </xf>
    <xf numFmtId="38" fontId="11" fillId="0" borderId="2" xfId="6" applyFont="1" applyFill="1" applyBorder="1" applyAlignment="1"/>
    <xf numFmtId="182" fontId="11" fillId="0" borderId="28" xfId="6" applyNumberFormat="1" applyFont="1" applyFill="1" applyBorder="1" applyAlignment="1"/>
    <xf numFmtId="182" fontId="11" fillId="0" borderId="1" xfId="6" applyNumberFormat="1" applyFont="1" applyFill="1" applyBorder="1" applyAlignment="1"/>
    <xf numFmtId="38" fontId="11" fillId="0" borderId="12" xfId="6" applyFont="1" applyFill="1" applyBorder="1" applyAlignment="1"/>
    <xf numFmtId="38" fontId="11" fillId="0" borderId="1" xfId="6" applyNumberFormat="1" applyFont="1" applyFill="1" applyBorder="1" applyAlignment="1"/>
    <xf numFmtId="0" fontId="11" fillId="0" borderId="3" xfId="5" applyFont="1" applyFill="1" applyBorder="1" applyAlignment="1">
      <alignment horizontal="center" vertical="center"/>
    </xf>
    <xf numFmtId="180" fontId="11" fillId="0" borderId="3" xfId="5" applyNumberFormat="1" applyFont="1" applyFill="1" applyBorder="1" applyAlignment="1">
      <alignment horizontal="center" vertical="center"/>
    </xf>
    <xf numFmtId="0" fontId="11" fillId="0" borderId="3" xfId="5" applyFont="1" applyFill="1" applyBorder="1" applyAlignment="1">
      <alignment horizontal="centerContinuous" vertical="center"/>
    </xf>
    <xf numFmtId="0" fontId="2" fillId="0" borderId="0" xfId="5" applyFont="1" applyFill="1" applyAlignment="1">
      <alignment vertical="center"/>
    </xf>
    <xf numFmtId="0" fontId="14" fillId="0" borderId="0" xfId="5" applyFont="1" applyFill="1" applyBorder="1" applyAlignment="1" applyProtection="1">
      <alignment horizontal="right" vertical="center"/>
    </xf>
    <xf numFmtId="180" fontId="2" fillId="0" borderId="0" xfId="5" applyNumberFormat="1" applyFont="1" applyFill="1" applyBorder="1" applyAlignment="1">
      <alignment vertical="center"/>
    </xf>
    <xf numFmtId="0" fontId="2" fillId="0" borderId="0" xfId="5" applyFont="1" applyFill="1" applyBorder="1" applyAlignment="1" applyProtection="1">
      <alignment horizontal="right" vertical="center"/>
    </xf>
    <xf numFmtId="37" fontId="6" fillId="0" borderId="0" xfId="2" applyFont="1" applyFill="1" applyBorder="1" applyAlignment="1" applyProtection="1">
      <alignment horizontal="left"/>
      <protection locked="0"/>
    </xf>
    <xf numFmtId="37" fontId="6" fillId="0" borderId="0" xfId="2" applyFont="1" applyFill="1" applyBorder="1" applyAlignment="1">
      <alignment horizontal="center"/>
    </xf>
    <xf numFmtId="37" fontId="6" fillId="0" borderId="0" xfId="2" applyFont="1" applyFill="1" applyBorder="1" applyAlignment="1" applyProtection="1">
      <alignment horizontal="centerContinuous"/>
    </xf>
    <xf numFmtId="37" fontId="6" fillId="0" borderId="0" xfId="2" applyFont="1" applyFill="1" applyBorder="1" applyAlignment="1">
      <alignment horizontal="centerContinuous"/>
    </xf>
    <xf numFmtId="37" fontId="6" fillId="0" borderId="0" xfId="2" applyFont="1" applyFill="1" applyBorder="1" applyAlignment="1" applyProtection="1">
      <alignment horizontal="left"/>
    </xf>
    <xf numFmtId="37" fontId="6" fillId="0" borderId="0" xfId="2" applyFont="1" applyFill="1" applyBorder="1" applyAlignment="1">
      <alignment horizontal="center" vertical="center" wrapText="1"/>
    </xf>
    <xf numFmtId="37" fontId="6" fillId="0" borderId="0" xfId="2" applyFont="1" applyFill="1" applyBorder="1" applyAlignment="1" applyProtection="1">
      <alignment horizontal="center" vertical="center"/>
    </xf>
    <xf numFmtId="37" fontId="13" fillId="0" borderId="0" xfId="2" applyFont="1" applyFill="1" applyBorder="1" applyAlignment="1" applyProtection="1">
      <alignment horizontal="distributed" justifyLastLine="1"/>
    </xf>
    <xf numFmtId="37" fontId="17" fillId="0" borderId="0" xfId="2" applyFont="1" applyFill="1" applyBorder="1" applyAlignment="1" applyProtection="1"/>
    <xf numFmtId="37" fontId="16" fillId="0" borderId="0" xfId="2" applyFont="1" applyFill="1" applyBorder="1" applyAlignment="1" applyProtection="1"/>
    <xf numFmtId="37" fontId="18" fillId="0" borderId="0" xfId="2" applyFont="1" applyFill="1" applyBorder="1" applyAlignment="1" applyProtection="1"/>
    <xf numFmtId="37" fontId="19" fillId="0" borderId="0" xfId="2" applyFont="1" applyFill="1" applyBorder="1" applyAlignment="1" applyProtection="1"/>
    <xf numFmtId="37" fontId="12" fillId="0" borderId="0" xfId="2" applyFont="1" applyFill="1" applyBorder="1" applyAlignment="1" applyProtection="1"/>
    <xf numFmtId="37" fontId="16" fillId="0" borderId="0" xfId="2" applyFont="1" applyFill="1" applyBorder="1" applyAlignment="1" applyProtection="1">
      <alignment wrapText="1"/>
    </xf>
    <xf numFmtId="37" fontId="17" fillId="0" borderId="0" xfId="2" applyFont="1" applyFill="1" applyBorder="1" applyAlignment="1"/>
    <xf numFmtId="37" fontId="14" fillId="0" borderId="0" xfId="2" quotePrefix="1" applyFont="1" applyFill="1" applyBorder="1" applyAlignment="1" applyProtection="1">
      <alignment horizontal="distributed" justifyLastLine="1"/>
    </xf>
    <xf numFmtId="37" fontId="2" fillId="0" borderId="0" xfId="2" applyFont="1" applyFill="1" applyBorder="1" applyAlignment="1" applyProtection="1"/>
    <xf numFmtId="37" fontId="11" fillId="0" borderId="0" xfId="2" applyFont="1" applyFill="1" applyBorder="1" applyAlignment="1" applyProtection="1"/>
    <xf numFmtId="37" fontId="2" fillId="0" borderId="0" xfId="2" applyFont="1" applyFill="1" applyBorder="1" applyAlignment="1" applyProtection="1">
      <alignment horizontal="right"/>
    </xf>
    <xf numFmtId="37" fontId="2" fillId="0" borderId="0" xfId="2" applyFont="1" applyFill="1" applyBorder="1" applyAlignment="1" applyProtection="1">
      <alignment horizontal="center"/>
    </xf>
    <xf numFmtId="37" fontId="2" fillId="0" borderId="0" xfId="2" quotePrefix="1" applyFont="1" applyFill="1" applyBorder="1" applyAlignment="1" applyProtection="1"/>
    <xf numFmtId="37" fontId="20" fillId="0" borderId="0" xfId="2" applyFont="1" applyFill="1" applyBorder="1" applyAlignment="1" applyProtection="1"/>
    <xf numFmtId="37" fontId="16" fillId="0" borderId="0" xfId="2" applyFont="1" applyFill="1" applyBorder="1" applyAlignment="1"/>
    <xf numFmtId="37" fontId="8" fillId="0" borderId="0" xfId="2" applyFont="1" applyFill="1" applyBorder="1" applyAlignment="1" applyProtection="1">
      <alignment wrapText="1"/>
    </xf>
    <xf numFmtId="37" fontId="8" fillId="0" borderId="0" xfId="2" applyFont="1" applyFill="1" applyBorder="1" applyAlignment="1"/>
    <xf numFmtId="37" fontId="6" fillId="0" borderId="0" xfId="2" applyFont="1" applyFill="1" applyBorder="1" applyAlignment="1">
      <alignment horizontal="left"/>
    </xf>
    <xf numFmtId="37" fontId="21" fillId="0" borderId="0" xfId="2" applyFont="1" applyFill="1" applyBorder="1" applyAlignment="1" applyProtection="1">
      <alignment wrapText="1"/>
    </xf>
    <xf numFmtId="37" fontId="21" fillId="0" borderId="0" xfId="2" applyFont="1" applyFill="1" applyBorder="1" applyAlignment="1" applyProtection="1"/>
    <xf numFmtId="37" fontId="22" fillId="0" borderId="0" xfId="2" applyFont="1" applyFill="1" applyBorder="1" applyAlignment="1" applyProtection="1"/>
    <xf numFmtId="37" fontId="2" fillId="0" borderId="0" xfId="2" quotePrefix="1" applyFont="1" applyFill="1" applyBorder="1" applyAlignment="1" applyProtection="1">
      <alignment horizontal="right" justifyLastLine="1"/>
    </xf>
    <xf numFmtId="37" fontId="6" fillId="0" borderId="0" xfId="2" applyFont="1" applyFill="1" applyBorder="1" applyAlignment="1" applyProtection="1">
      <alignment wrapText="1"/>
    </xf>
    <xf numFmtId="37" fontId="14" fillId="0" borderId="0" xfId="3" applyFont="1" applyFill="1" applyAlignment="1">
      <alignment wrapText="1"/>
    </xf>
    <xf numFmtId="37" fontId="26" fillId="0" borderId="70" xfId="3" applyFont="1" applyFill="1" applyBorder="1" applyProtection="1"/>
    <xf numFmtId="37" fontId="14" fillId="0" borderId="74" xfId="3" applyFont="1" applyFill="1" applyBorder="1" applyAlignment="1">
      <alignment vertical="center" wrapText="1"/>
    </xf>
    <xf numFmtId="38" fontId="6" fillId="0" borderId="93" xfId="1" applyFont="1" applyFill="1" applyBorder="1"/>
    <xf numFmtId="37" fontId="14" fillId="0" borderId="72" xfId="3" applyFont="1" applyFill="1" applyBorder="1" applyAlignment="1">
      <alignment vertical="center" wrapText="1"/>
    </xf>
    <xf numFmtId="38" fontId="6" fillId="0" borderId="89" xfId="1" applyFont="1" applyFill="1" applyBorder="1"/>
    <xf numFmtId="37" fontId="14" fillId="0" borderId="0" xfId="3" applyFont="1" applyFill="1" applyAlignment="1">
      <alignment horizontal="right" vertical="top"/>
    </xf>
    <xf numFmtId="37" fontId="25" fillId="0" borderId="0" xfId="3" applyFont="1" applyFill="1"/>
    <xf numFmtId="0" fontId="14" fillId="0" borderId="0" xfId="5" applyFont="1" applyFill="1" applyBorder="1" applyAlignment="1" applyProtection="1">
      <alignment horizontal="right"/>
    </xf>
    <xf numFmtId="0" fontId="2" fillId="0" borderId="0" xfId="5" applyFont="1" applyFill="1" applyBorder="1" applyAlignment="1" applyProtection="1">
      <alignment horizontal="centerContinuous" vertical="center"/>
    </xf>
    <xf numFmtId="0" fontId="2" fillId="0" borderId="0" xfId="5" applyFont="1" applyFill="1" applyBorder="1" applyAlignment="1" applyProtection="1">
      <alignment horizontal="right"/>
    </xf>
    <xf numFmtId="0" fontId="6" fillId="0" borderId="0" xfId="5" applyFont="1" applyFill="1" applyBorder="1" applyAlignment="1" applyProtection="1">
      <alignment horizontal="centerContinuous" vertical="center"/>
    </xf>
    <xf numFmtId="0" fontId="14" fillId="0" borderId="80" xfId="5" applyFont="1" applyFill="1" applyBorder="1" applyAlignment="1" applyProtection="1">
      <alignment horizontal="centerContinuous" vertical="center"/>
    </xf>
    <xf numFmtId="0" fontId="14" fillId="0" borderId="61" xfId="5" applyFont="1" applyFill="1" applyBorder="1" applyAlignment="1" applyProtection="1">
      <alignment horizontal="centerContinuous" vertical="center"/>
    </xf>
    <xf numFmtId="0" fontId="14" fillId="0" borderId="123" xfId="5" applyFont="1" applyFill="1" applyBorder="1" applyAlignment="1" applyProtection="1">
      <alignment horizontal="centerContinuous" vertical="center"/>
    </xf>
    <xf numFmtId="0" fontId="14" fillId="0" borderId="77" xfId="5" applyFont="1" applyFill="1" applyBorder="1" applyAlignment="1" applyProtection="1">
      <alignment horizontal="centerContinuous" vertical="center"/>
    </xf>
    <xf numFmtId="0" fontId="14" fillId="0" borderId="186" xfId="5" applyFont="1" applyFill="1" applyBorder="1" applyAlignment="1" applyProtection="1">
      <alignment horizontal="centerContinuous" vertical="center"/>
    </xf>
    <xf numFmtId="0" fontId="14" fillId="0" borderId="188" xfId="5" applyFont="1" applyFill="1" applyBorder="1" applyAlignment="1" applyProtection="1">
      <alignment horizontal="centerContinuous" vertical="center"/>
    </xf>
    <xf numFmtId="0" fontId="14" fillId="0" borderId="197" xfId="5" applyFont="1" applyFill="1" applyBorder="1" applyAlignment="1" applyProtection="1">
      <alignment horizontal="centerContinuous" vertical="center"/>
    </xf>
    <xf numFmtId="0" fontId="14" fillId="0" borderId="185" xfId="5" applyFont="1" applyFill="1" applyBorder="1" applyAlignment="1" applyProtection="1">
      <alignment horizontal="centerContinuous" vertical="center"/>
    </xf>
    <xf numFmtId="0" fontId="14" fillId="0" borderId="179" xfId="5" applyFont="1" applyFill="1" applyBorder="1" applyAlignment="1" applyProtection="1">
      <alignment horizontal="center" vertical="center"/>
    </xf>
    <xf numFmtId="0" fontId="14" fillId="0" borderId="183" xfId="5" applyFont="1" applyFill="1" applyBorder="1" applyAlignment="1" applyProtection="1">
      <alignment horizontal="center" vertical="center"/>
    </xf>
    <xf numFmtId="0" fontId="14" fillId="0" borderId="182" xfId="5" applyFont="1" applyFill="1" applyBorder="1" applyAlignment="1" applyProtection="1">
      <alignment horizontal="center" vertical="center"/>
    </xf>
    <xf numFmtId="0" fontId="14" fillId="0" borderId="181" xfId="5" applyFont="1" applyFill="1" applyBorder="1" applyAlignment="1" applyProtection="1">
      <alignment horizontal="center" vertical="center"/>
    </xf>
    <xf numFmtId="0" fontId="14" fillId="0" borderId="180" xfId="5" applyFont="1" applyFill="1" applyBorder="1" applyAlignment="1" applyProtection="1">
      <alignment horizontal="center" vertical="center"/>
    </xf>
    <xf numFmtId="38" fontId="14" fillId="0" borderId="0" xfId="6" applyFont="1" applyFill="1" applyAlignment="1">
      <alignment vertical="center"/>
    </xf>
    <xf numFmtId="0" fontId="2" fillId="0" borderId="0" xfId="5" applyFill="1" applyBorder="1" applyAlignment="1" applyProtection="1">
      <alignment horizontal="left"/>
    </xf>
    <xf numFmtId="0" fontId="2" fillId="0" borderId="0" xfId="5" applyFont="1" applyFill="1" applyBorder="1"/>
    <xf numFmtId="0" fontId="2" fillId="0" borderId="0" xfId="5" applyFill="1" applyAlignment="1" applyProtection="1">
      <alignment horizontal="left"/>
    </xf>
    <xf numFmtId="0" fontId="2" fillId="0" borderId="0" xfId="5" applyFont="1" applyFill="1" applyBorder="1" applyAlignment="1" applyProtection="1">
      <alignment horizontal="left"/>
    </xf>
    <xf numFmtId="0" fontId="14" fillId="0" borderId="0" xfId="5" applyFont="1" applyFill="1" applyBorder="1" applyAlignment="1" applyProtection="1"/>
    <xf numFmtId="0" fontId="6" fillId="0" borderId="0" xfId="5" applyFont="1" applyFill="1" applyBorder="1" applyAlignment="1" applyProtection="1">
      <alignment horizontal="left"/>
    </xf>
    <xf numFmtId="0" fontId="6" fillId="0" borderId="0" xfId="5" applyFont="1" applyFill="1" applyBorder="1"/>
    <xf numFmtId="0" fontId="6" fillId="0" borderId="0" xfId="5" applyFont="1" applyFill="1" applyAlignment="1" applyProtection="1">
      <alignment horizontal="left"/>
    </xf>
    <xf numFmtId="0" fontId="14" fillId="0" borderId="70" xfId="5" applyFont="1" applyFill="1" applyBorder="1" applyAlignment="1" applyProtection="1">
      <alignment horizontal="right"/>
    </xf>
    <xf numFmtId="0" fontId="14" fillId="0" borderId="80" xfId="5" applyFont="1" applyFill="1" applyBorder="1" applyAlignment="1" applyProtection="1"/>
    <xf numFmtId="0" fontId="14" fillId="0" borderId="123" xfId="5" applyFont="1" applyFill="1" applyBorder="1" applyAlignment="1" applyProtection="1">
      <alignment horizontal="centerContinuous"/>
    </xf>
    <xf numFmtId="0" fontId="14" fillId="0" borderId="77" xfId="5" applyFont="1" applyFill="1" applyBorder="1" applyAlignment="1" applyProtection="1">
      <alignment horizontal="centerContinuous"/>
    </xf>
    <xf numFmtId="0" fontId="14" fillId="0" borderId="137" xfId="5" applyFont="1" applyFill="1" applyBorder="1" applyAlignment="1" applyProtection="1">
      <alignment horizontal="centerContinuous" vertical="center"/>
    </xf>
    <xf numFmtId="0" fontId="14" fillId="0" borderId="140" xfId="5" applyFont="1" applyFill="1" applyBorder="1" applyAlignment="1" applyProtection="1">
      <alignment horizontal="centerContinuous" vertical="center"/>
    </xf>
    <xf numFmtId="0" fontId="14" fillId="0" borderId="0" xfId="5" applyFont="1" applyFill="1" applyBorder="1" applyAlignment="1" applyProtection="1">
      <alignment horizontal="centerContinuous" vertical="center"/>
    </xf>
    <xf numFmtId="0" fontId="14" fillId="0" borderId="20" xfId="5" applyFont="1" applyFill="1" applyBorder="1" applyAlignment="1" applyProtection="1">
      <alignment horizontal="centerContinuous" vertical="center"/>
    </xf>
    <xf numFmtId="0" fontId="14" fillId="0" borderId="138" xfId="5" applyFont="1" applyFill="1" applyBorder="1" applyAlignment="1" applyProtection="1">
      <alignment vertical="center"/>
    </xf>
    <xf numFmtId="0" fontId="14" fillId="0" borderId="193" xfId="5" applyFont="1" applyFill="1" applyBorder="1" applyAlignment="1" applyProtection="1">
      <alignment vertical="center"/>
    </xf>
    <xf numFmtId="0" fontId="14" fillId="0" borderId="184" xfId="5" applyFont="1" applyFill="1" applyBorder="1" applyAlignment="1" applyProtection="1">
      <alignment vertical="center"/>
    </xf>
    <xf numFmtId="0" fontId="14" fillId="0" borderId="169" xfId="5" applyFont="1" applyFill="1" applyBorder="1" applyAlignment="1" applyProtection="1">
      <alignment horizontal="distributed" vertical="center" justifyLastLine="1"/>
    </xf>
    <xf numFmtId="0" fontId="14" fillId="0" borderId="179" xfId="5" applyFont="1" applyFill="1" applyBorder="1" applyAlignment="1" applyProtection="1">
      <alignment horizontal="distributed" vertical="center" justifyLastLine="1"/>
    </xf>
    <xf numFmtId="0" fontId="14" fillId="0" borderId="168" xfId="5" applyFont="1" applyFill="1" applyBorder="1" applyAlignment="1" applyProtection="1">
      <alignment horizontal="distributed" vertical="center" justifyLastLine="1"/>
    </xf>
    <xf numFmtId="0" fontId="14" fillId="0" borderId="176" xfId="5" applyFont="1" applyFill="1" applyBorder="1" applyAlignment="1" applyProtection="1">
      <alignment horizontal="distributed" vertical="center" justifyLastLine="1"/>
    </xf>
    <xf numFmtId="0" fontId="14" fillId="0" borderId="169" xfId="5" applyFont="1" applyFill="1" applyBorder="1" applyAlignment="1" applyProtection="1">
      <alignment horizontal="distributed" vertical="center" justifyLastLine="1" shrinkToFit="1"/>
    </xf>
    <xf numFmtId="0" fontId="14" fillId="0" borderId="167" xfId="5" applyFont="1" applyFill="1" applyBorder="1" applyAlignment="1" applyProtection="1">
      <alignment horizontal="distributed" vertical="center" justifyLastLine="1"/>
    </xf>
    <xf numFmtId="0" fontId="14" fillId="0" borderId="173" xfId="5" applyFont="1" applyFill="1" applyBorder="1" applyAlignment="1" applyProtection="1">
      <alignment horizontal="distributed" vertical="center" justifyLastLine="1"/>
    </xf>
    <xf numFmtId="0" fontId="14" fillId="0" borderId="177" xfId="5" applyFont="1" applyFill="1" applyBorder="1" applyAlignment="1" applyProtection="1">
      <alignment horizontal="distributed" vertical="center" justifyLastLine="1"/>
    </xf>
    <xf numFmtId="0" fontId="14" fillId="0" borderId="178" xfId="5" applyFont="1" applyFill="1" applyBorder="1" applyAlignment="1" applyProtection="1">
      <alignment horizontal="distributed" vertical="center" justifyLastLine="1"/>
    </xf>
    <xf numFmtId="0" fontId="14" fillId="0" borderId="168" xfId="5" applyFont="1" applyFill="1" applyBorder="1" applyAlignment="1" applyProtection="1">
      <alignment horizontal="distributed" vertical="center" justifyLastLine="1" shrinkToFit="1"/>
    </xf>
    <xf numFmtId="0" fontId="14" fillId="0" borderId="183" xfId="5" applyFont="1" applyFill="1" applyBorder="1" applyAlignment="1" applyProtection="1">
      <alignment horizontal="distributed" vertical="center" justifyLastLine="1"/>
    </xf>
    <xf numFmtId="0" fontId="14" fillId="0" borderId="179" xfId="5" applyFont="1" applyFill="1" applyBorder="1" applyAlignment="1" applyProtection="1">
      <alignment horizontal="center" vertical="center"/>
    </xf>
    <xf numFmtId="0" fontId="14" fillId="0" borderId="216" xfId="5" applyFont="1" applyFill="1" applyBorder="1" applyAlignment="1" applyProtection="1">
      <alignment horizontal="distributed" vertical="center" justifyLastLine="1"/>
    </xf>
    <xf numFmtId="0" fontId="14" fillId="0" borderId="215" xfId="5" applyFont="1" applyFill="1" applyBorder="1" applyAlignment="1" applyProtection="1">
      <alignment horizontal="distributed" vertical="center" justifyLastLine="1"/>
    </xf>
    <xf numFmtId="38" fontId="6" fillId="0" borderId="0" xfId="6" quotePrefix="1" applyFont="1" applyFill="1" applyBorder="1" applyAlignment="1" applyProtection="1"/>
    <xf numFmtId="38" fontId="6" fillId="0" borderId="0" xfId="6" applyFont="1" applyFill="1" applyBorder="1" applyAlignment="1" applyProtection="1"/>
    <xf numFmtId="0" fontId="6" fillId="0" borderId="0" xfId="5" applyFont="1" applyFill="1" applyBorder="1" applyAlignment="1"/>
    <xf numFmtId="38" fontId="6" fillId="0" borderId="0" xfId="5" applyNumberFormat="1" applyFont="1" applyFill="1" applyBorder="1" applyAlignment="1"/>
    <xf numFmtId="0" fontId="6" fillId="0" borderId="0" xfId="5" applyFont="1" applyFill="1" applyAlignment="1" applyProtection="1">
      <alignment horizontal="left" vertical="center"/>
    </xf>
    <xf numFmtId="0" fontId="11" fillId="0" borderId="0" xfId="8" applyFont="1" applyFill="1" applyAlignment="1">
      <alignment vertical="center"/>
    </xf>
    <xf numFmtId="0" fontId="11" fillId="0" borderId="0" xfId="5" applyFont="1" applyFill="1"/>
    <xf numFmtId="38" fontId="11" fillId="0" borderId="0" xfId="6" applyFont="1" applyFill="1" applyAlignment="1"/>
    <xf numFmtId="38" fontId="11" fillId="0" borderId="0" xfId="6" applyFont="1" applyFill="1"/>
    <xf numFmtId="0" fontId="11" fillId="0" borderId="0" xfId="5" applyFont="1" applyFill="1" applyAlignment="1"/>
    <xf numFmtId="0" fontId="2" fillId="0" borderId="0" xfId="5" applyFont="1" applyFill="1" applyBorder="1" applyAlignment="1" applyProtection="1">
      <alignment horizontal="left" vertical="center"/>
    </xf>
    <xf numFmtId="0" fontId="14" fillId="0" borderId="0" xfId="5" applyFont="1" applyFill="1" applyAlignment="1">
      <alignment vertical="center"/>
    </xf>
    <xf numFmtId="0" fontId="14" fillId="0" borderId="0" xfId="5" applyFont="1" applyFill="1" applyAlignment="1">
      <alignment horizontal="right" vertical="center"/>
    </xf>
    <xf numFmtId="38" fontId="14" fillId="0" borderId="0" xfId="6" applyFont="1" applyFill="1" applyAlignment="1"/>
    <xf numFmtId="38" fontId="14" fillId="0" borderId="0" xfId="5" applyNumberFormat="1" applyFont="1" applyFill="1" applyAlignment="1"/>
    <xf numFmtId="38" fontId="14" fillId="0" borderId="0" xfId="6" applyFont="1" applyFill="1" applyBorder="1" applyAlignment="1"/>
    <xf numFmtId="0" fontId="29" fillId="0" borderId="0" xfId="8" applyFont="1" applyFill="1" applyAlignment="1">
      <alignment vertical="center"/>
    </xf>
    <xf numFmtId="38" fontId="2" fillId="0" borderId="0" xfId="6" applyFont="1" applyFill="1" applyAlignment="1">
      <alignment vertical="center"/>
    </xf>
    <xf numFmtId="0" fontId="6" fillId="0" borderId="0" xfId="5" applyFont="1" applyFill="1" applyBorder="1" applyAlignment="1">
      <alignment horizontal="centerContinuous"/>
    </xf>
    <xf numFmtId="0" fontId="11" fillId="0" borderId="79" xfId="5" applyFont="1" applyFill="1" applyBorder="1" applyAlignment="1">
      <alignment horizontal="center" vertical="center"/>
    </xf>
    <xf numFmtId="0" fontId="11" fillId="0" borderId="30" xfId="5" applyFont="1" applyFill="1" applyBorder="1" applyAlignment="1">
      <alignment horizontal="center" vertical="center"/>
    </xf>
    <xf numFmtId="0" fontId="11" fillId="0" borderId="106" xfId="5" applyFont="1" applyFill="1" applyBorder="1" applyAlignment="1">
      <alignment horizontal="center" vertical="center"/>
    </xf>
    <xf numFmtId="0" fontId="6" fillId="0" borderId="0" xfId="5" applyFont="1" applyFill="1" applyBorder="1" applyAlignment="1">
      <alignment horizontal="center" vertical="center"/>
    </xf>
    <xf numFmtId="38" fontId="11" fillId="0" borderId="21" xfId="6" applyFont="1" applyFill="1" applyBorder="1" applyAlignment="1" applyProtection="1"/>
    <xf numFmtId="38" fontId="32" fillId="0" borderId="1" xfId="6" applyFont="1" applyFill="1" applyBorder="1"/>
    <xf numFmtId="38" fontId="11" fillId="0" borderId="1" xfId="6" applyFont="1" applyFill="1" applyBorder="1" applyAlignment="1">
      <alignment horizontal="center"/>
    </xf>
    <xf numFmtId="38" fontId="11" fillId="0" borderId="73" xfId="6" applyFont="1" applyFill="1" applyBorder="1" applyAlignment="1">
      <alignment horizontal="center"/>
    </xf>
    <xf numFmtId="38" fontId="6" fillId="0" borderId="0" xfId="6" applyFont="1" applyFill="1" applyBorder="1" applyAlignment="1"/>
    <xf numFmtId="38" fontId="11" fillId="0" borderId="6" xfId="6" applyFont="1" applyFill="1" applyBorder="1" applyAlignment="1" applyProtection="1"/>
    <xf numFmtId="38" fontId="32" fillId="0" borderId="2" xfId="6" applyFont="1" applyFill="1" applyBorder="1"/>
    <xf numFmtId="38" fontId="11" fillId="0" borderId="41" xfId="6" applyFont="1" applyFill="1" applyBorder="1" applyAlignment="1">
      <alignment horizontal="center"/>
    </xf>
    <xf numFmtId="38" fontId="11" fillId="0" borderId="7" xfId="6" applyFont="1" applyFill="1" applyBorder="1" applyAlignment="1" applyProtection="1"/>
    <xf numFmtId="38" fontId="32" fillId="0" borderId="28" xfId="6" applyFont="1" applyFill="1" applyBorder="1"/>
    <xf numFmtId="38" fontId="11" fillId="0" borderId="28" xfId="6" applyFont="1" applyFill="1" applyBorder="1" applyAlignment="1">
      <alignment horizontal="center"/>
    </xf>
    <xf numFmtId="38" fontId="11" fillId="0" borderId="224" xfId="6" applyFont="1" applyFill="1" applyBorder="1" applyAlignment="1">
      <alignment horizontal="center"/>
    </xf>
    <xf numFmtId="38" fontId="32" fillId="0" borderId="2" xfId="6" applyFont="1" applyFill="1" applyBorder="1" applyAlignment="1" applyProtection="1">
      <alignment horizontal="left" vertical="center"/>
    </xf>
    <xf numFmtId="38" fontId="11" fillId="0" borderId="2" xfId="6" applyFont="1" applyFill="1" applyBorder="1" applyAlignment="1">
      <alignment horizontal="center"/>
    </xf>
    <xf numFmtId="38" fontId="11" fillId="0" borderId="63" xfId="6" applyFont="1" applyFill="1" applyBorder="1" applyAlignment="1">
      <alignment horizontal="center"/>
    </xf>
    <xf numFmtId="38" fontId="11" fillId="0" borderId="26" xfId="6" applyFont="1" applyFill="1" applyBorder="1" applyAlignment="1" applyProtection="1"/>
    <xf numFmtId="38" fontId="32" fillId="0" borderId="3" xfId="6" applyFont="1" applyFill="1" applyBorder="1" applyAlignment="1" applyProtection="1">
      <alignment horizontal="left" vertical="center"/>
    </xf>
    <xf numFmtId="181" fontId="11" fillId="0" borderId="28" xfId="6" applyNumberFormat="1" applyFont="1" applyFill="1" applyBorder="1" applyAlignment="1"/>
    <xf numFmtId="38" fontId="11" fillId="0" borderId="31" xfId="6" applyFont="1" applyFill="1" applyBorder="1" applyAlignment="1" applyProtection="1">
      <alignment horizontal="center"/>
    </xf>
    <xf numFmtId="38" fontId="11" fillId="0" borderId="16" xfId="6" applyFont="1" applyFill="1" applyBorder="1" applyAlignment="1" applyProtection="1">
      <alignment horizontal="center"/>
    </xf>
    <xf numFmtId="181" fontId="11" fillId="0" borderId="54" xfId="6" applyNumberFormat="1" applyFont="1" applyFill="1" applyBorder="1" applyAlignment="1"/>
    <xf numFmtId="38" fontId="11" fillId="0" borderId="17" xfId="6" applyFont="1" applyFill="1" applyBorder="1" applyAlignment="1" applyProtection="1">
      <alignment horizontal="center"/>
    </xf>
    <xf numFmtId="0" fontId="6" fillId="0" borderId="0" xfId="5" applyFont="1" applyFill="1" applyAlignment="1">
      <alignment horizontal="center"/>
    </xf>
    <xf numFmtId="0" fontId="11" fillId="0" borderId="28" xfId="5" applyFont="1" applyFill="1" applyBorder="1" applyAlignment="1">
      <alignment horizontal="centerContinuous" vertical="center"/>
    </xf>
    <xf numFmtId="0" fontId="11" fillId="0" borderId="28" xfId="5" applyFont="1" applyFill="1" applyBorder="1" applyAlignment="1">
      <alignment horizontal="center" vertical="center"/>
    </xf>
    <xf numFmtId="0" fontId="11" fillId="0" borderId="31" xfId="5" applyFont="1" applyFill="1" applyBorder="1" applyAlignment="1">
      <alignment horizontal="center" vertical="center"/>
    </xf>
    <xf numFmtId="38" fontId="11" fillId="0" borderId="37" xfId="6" applyFont="1" applyFill="1" applyBorder="1" applyAlignment="1" applyProtection="1"/>
    <xf numFmtId="38" fontId="11" fillId="0" borderId="39" xfId="6" applyFont="1" applyFill="1" applyBorder="1" applyAlignment="1">
      <alignment horizontal="center" vertical="center"/>
    </xf>
    <xf numFmtId="38" fontId="11" fillId="0" borderId="40" xfId="6" applyFont="1" applyFill="1" applyBorder="1" applyAlignment="1" applyProtection="1"/>
    <xf numFmtId="38" fontId="32" fillId="0" borderId="1" xfId="6" applyFont="1" applyFill="1" applyBorder="1" applyAlignment="1" applyProtection="1">
      <alignment horizontal="left" vertical="center"/>
    </xf>
    <xf numFmtId="38" fontId="11" fillId="0" borderId="54" xfId="6" applyFont="1" applyFill="1" applyBorder="1" applyAlignment="1" applyProtection="1">
      <alignment horizontal="center"/>
    </xf>
    <xf numFmtId="38" fontId="11" fillId="0" borderId="57" xfId="6" applyFont="1" applyFill="1" applyBorder="1" applyAlignment="1">
      <alignment horizontal="center"/>
    </xf>
    <xf numFmtId="38" fontId="14" fillId="0" borderId="17" xfId="6" applyFont="1" applyFill="1" applyBorder="1" applyAlignment="1" applyProtection="1"/>
    <xf numFmtId="38" fontId="14" fillId="0" borderId="16" xfId="6" applyFont="1" applyFill="1" applyBorder="1" applyAlignment="1" applyProtection="1"/>
    <xf numFmtId="38" fontId="14" fillId="0" borderId="15" xfId="6" applyFont="1" applyFill="1" applyBorder="1" applyAlignment="1" applyProtection="1"/>
    <xf numFmtId="38" fontId="14" fillId="0" borderId="127" xfId="6" applyFont="1" applyFill="1" applyBorder="1" applyAlignment="1" applyProtection="1"/>
    <xf numFmtId="38" fontId="14" fillId="0" borderId="126" xfId="6" applyFont="1" applyFill="1" applyBorder="1" applyAlignment="1" applyProtection="1"/>
    <xf numFmtId="38" fontId="14" fillId="0" borderId="228" xfId="6" applyFont="1" applyFill="1" applyBorder="1" applyAlignment="1" applyProtection="1"/>
    <xf numFmtId="38" fontId="14" fillId="0" borderId="229" xfId="6" applyFont="1" applyFill="1" applyBorder="1" applyAlignment="1" applyProtection="1"/>
    <xf numFmtId="38" fontId="14" fillId="0" borderId="230" xfId="6" applyFont="1" applyFill="1" applyBorder="1" applyAlignment="1" applyProtection="1"/>
    <xf numFmtId="38" fontId="14" fillId="0" borderId="68" xfId="6" applyFont="1" applyFill="1" applyBorder="1" applyAlignment="1" applyProtection="1"/>
    <xf numFmtId="38" fontId="14" fillId="0" borderId="231" xfId="6" applyFont="1" applyFill="1" applyBorder="1" applyAlignment="1" applyProtection="1"/>
    <xf numFmtId="38" fontId="14" fillId="0" borderId="18" xfId="6" applyFont="1" applyFill="1" applyBorder="1" applyAlignment="1" applyProtection="1"/>
    <xf numFmtId="38" fontId="14" fillId="0" borderId="52" xfId="6" applyFont="1" applyFill="1" applyBorder="1" applyAlignment="1" applyProtection="1"/>
    <xf numFmtId="38" fontId="14" fillId="0" borderId="51" xfId="6" applyFont="1" applyFill="1" applyBorder="1" applyAlignment="1" applyProtection="1"/>
    <xf numFmtId="38" fontId="14" fillId="0" borderId="232" xfId="6" applyFont="1" applyFill="1" applyBorder="1" applyAlignment="1" applyProtection="1"/>
    <xf numFmtId="38" fontId="14" fillId="0" borderId="233" xfId="6" applyFont="1" applyFill="1" applyBorder="1" applyAlignment="1" applyProtection="1"/>
    <xf numFmtId="0" fontId="28" fillId="0" borderId="3" xfId="5" applyFont="1" applyFill="1" applyBorder="1" applyAlignment="1" applyProtection="1">
      <alignment horizontal="left"/>
    </xf>
    <xf numFmtId="0" fontId="28" fillId="0" borderId="2" xfId="5" applyFont="1" applyFill="1" applyBorder="1" applyAlignment="1" applyProtection="1">
      <alignment horizontal="left"/>
    </xf>
    <xf numFmtId="38" fontId="14" fillId="0" borderId="130" xfId="6" applyFont="1" applyFill="1" applyBorder="1" applyAlignment="1" applyProtection="1"/>
    <xf numFmtId="38" fontId="14" fillId="0" borderId="129" xfId="6" applyFont="1" applyFill="1" applyBorder="1" applyAlignment="1" applyProtection="1"/>
    <xf numFmtId="38" fontId="14" fillId="0" borderId="234" xfId="6" applyFont="1" applyFill="1" applyBorder="1" applyAlignment="1" applyProtection="1"/>
    <xf numFmtId="38" fontId="14" fillId="0" borderId="235" xfId="6" applyFont="1" applyFill="1" applyBorder="1" applyAlignment="1" applyProtection="1"/>
    <xf numFmtId="0" fontId="28" fillId="0" borderId="1" xfId="5" applyFont="1" applyFill="1" applyBorder="1" applyAlignment="1" applyProtection="1">
      <alignment horizontal="left"/>
    </xf>
    <xf numFmtId="0" fontId="28" fillId="0" borderId="47" xfId="5" applyFont="1" applyFill="1" applyBorder="1" applyAlignment="1" applyProtection="1">
      <alignment horizontal="left"/>
    </xf>
    <xf numFmtId="0" fontId="14" fillId="0" borderId="183" xfId="5" applyFont="1" applyFill="1" applyBorder="1" applyAlignment="1" applyProtection="1">
      <alignment horizontal="center"/>
    </xf>
    <xf numFmtId="0" fontId="14" fillId="0" borderId="169" xfId="5" applyFont="1" applyFill="1" applyBorder="1" applyAlignment="1" applyProtection="1">
      <alignment horizontal="center"/>
    </xf>
    <xf numFmtId="0" fontId="14" fillId="0" borderId="168" xfId="5" applyFont="1" applyFill="1" applyBorder="1" applyAlignment="1" applyProtection="1">
      <alignment horizontal="center"/>
    </xf>
    <xf numFmtId="0" fontId="14" fillId="0" borderId="167" xfId="5" applyFont="1" applyFill="1" applyBorder="1" applyAlignment="1" applyProtection="1">
      <alignment horizontal="center"/>
    </xf>
    <xf numFmtId="0" fontId="14" fillId="0" borderId="173" xfId="5" applyFont="1" applyFill="1" applyBorder="1" applyAlignment="1" applyProtection="1">
      <alignment horizontal="center"/>
    </xf>
    <xf numFmtId="0" fontId="14" fillId="0" borderId="176" xfId="5" applyFont="1" applyFill="1" applyBorder="1" applyAlignment="1" applyProtection="1">
      <alignment horizontal="center"/>
    </xf>
    <xf numFmtId="0" fontId="14" fillId="0" borderId="236" xfId="5" applyFont="1" applyFill="1" applyBorder="1" applyAlignment="1" applyProtection="1">
      <alignment horizontal="center" vertical="center" wrapText="1" justifyLastLine="1"/>
    </xf>
    <xf numFmtId="0" fontId="14" fillId="0" borderId="179" xfId="5" applyFont="1" applyFill="1" applyBorder="1" applyAlignment="1" applyProtection="1">
      <alignment horizontal="center"/>
    </xf>
    <xf numFmtId="0" fontId="14" fillId="0" borderId="188" xfId="5" applyFont="1" applyFill="1" applyBorder="1" applyAlignment="1" applyProtection="1">
      <alignment horizontal="centerContinuous"/>
    </xf>
    <xf numFmtId="0" fontId="14" fillId="0" borderId="186" xfId="5" applyFont="1" applyFill="1" applyBorder="1" applyAlignment="1" applyProtection="1">
      <alignment horizontal="centerContinuous"/>
    </xf>
    <xf numFmtId="0" fontId="14" fillId="0" borderId="184" xfId="5" applyFont="1" applyFill="1" applyBorder="1" applyAlignment="1" applyProtection="1"/>
    <xf numFmtId="0" fontId="14" fillId="0" borderId="138" xfId="5" applyFont="1" applyFill="1" applyBorder="1" applyAlignment="1" applyProtection="1"/>
    <xf numFmtId="0" fontId="14" fillId="0" borderId="196" xfId="5" applyFont="1" applyFill="1" applyBorder="1" applyAlignment="1" applyProtection="1">
      <alignment horizontal="center" vertical="center"/>
    </xf>
    <xf numFmtId="0" fontId="14" fillId="0" borderId="137" xfId="5" applyFont="1" applyFill="1" applyBorder="1" applyAlignment="1" applyProtection="1">
      <alignment horizontal="center" vertical="center"/>
    </xf>
    <xf numFmtId="0" fontId="14" fillId="0" borderId="20" xfId="5" applyFont="1" applyFill="1" applyBorder="1" applyAlignment="1" applyProtection="1">
      <alignment horizontal="centerContinuous"/>
    </xf>
    <xf numFmtId="0" fontId="14" fillId="0" borderId="14" xfId="5" applyFont="1" applyFill="1" applyBorder="1" applyAlignment="1" applyProtection="1">
      <alignment horizontal="centerContinuous"/>
    </xf>
    <xf numFmtId="0" fontId="14" fillId="0" borderId="185" xfId="5" applyFont="1" applyFill="1" applyBorder="1" applyAlignment="1" applyProtection="1">
      <alignment horizontal="centerContinuous"/>
    </xf>
    <xf numFmtId="0" fontId="14" fillId="0" borderId="197" xfId="5" applyFont="1" applyFill="1" applyBorder="1" applyAlignment="1" applyProtection="1">
      <alignment horizontal="centerContinuous"/>
    </xf>
    <xf numFmtId="0" fontId="14" fillId="0" borderId="0" xfId="5" applyFont="1" applyFill="1" applyBorder="1" applyProtection="1"/>
    <xf numFmtId="38" fontId="14" fillId="0" borderId="140" xfId="6" applyFont="1" applyFill="1" applyBorder="1" applyAlignment="1" applyProtection="1"/>
    <xf numFmtId="38" fontId="14" fillId="0" borderId="149" xfId="6" quotePrefix="1" applyFont="1" applyFill="1" applyBorder="1" applyAlignment="1" applyProtection="1"/>
    <xf numFmtId="38" fontId="14" fillId="0" borderId="241" xfId="6" quotePrefix="1" applyFont="1" applyFill="1" applyBorder="1" applyAlignment="1" applyProtection="1"/>
    <xf numFmtId="179" fontId="14" fillId="0" borderId="171" xfId="5" applyNumberFormat="1" applyFont="1" applyFill="1" applyBorder="1" applyAlignment="1">
      <alignment vertical="center"/>
    </xf>
    <xf numFmtId="179" fontId="14" fillId="0" borderId="172" xfId="5" applyNumberFormat="1" applyFont="1" applyFill="1" applyBorder="1" applyAlignment="1">
      <alignment vertical="center"/>
    </xf>
    <xf numFmtId="38" fontId="14" fillId="0" borderId="247" xfId="6" applyFont="1" applyFill="1" applyBorder="1" applyAlignment="1" applyProtection="1"/>
    <xf numFmtId="38" fontId="14" fillId="0" borderId="248" xfId="6" applyFont="1" applyFill="1" applyBorder="1" applyAlignment="1" applyProtection="1"/>
    <xf numFmtId="38" fontId="14" fillId="0" borderId="239" xfId="6" applyFont="1" applyFill="1" applyBorder="1" applyAlignment="1" applyProtection="1"/>
    <xf numFmtId="38" fontId="14" fillId="0" borderId="141" xfId="6" quotePrefix="1" applyFont="1" applyFill="1" applyBorder="1" applyAlignment="1" applyProtection="1"/>
    <xf numFmtId="38" fontId="14" fillId="0" borderId="249" xfId="6" quotePrefix="1" applyFont="1" applyFill="1" applyBorder="1" applyAlignment="1" applyProtection="1"/>
    <xf numFmtId="38" fontId="14" fillId="0" borderId="117" xfId="6" quotePrefix="1" applyFont="1" applyFill="1" applyBorder="1" applyAlignment="1" applyProtection="1"/>
    <xf numFmtId="38" fontId="14" fillId="0" borderId="212" xfId="6" quotePrefix="1" applyFont="1" applyFill="1" applyBorder="1" applyAlignment="1" applyProtection="1"/>
    <xf numFmtId="179" fontId="14" fillId="0" borderId="250" xfId="5" applyNumberFormat="1" applyFont="1" applyFill="1" applyBorder="1" applyAlignment="1">
      <alignment vertical="center"/>
    </xf>
    <xf numFmtId="179" fontId="14" fillId="0" borderId="163" xfId="5" applyNumberFormat="1" applyFont="1" applyFill="1" applyBorder="1" applyAlignment="1">
      <alignment vertical="center"/>
    </xf>
    <xf numFmtId="38" fontId="14" fillId="0" borderId="35" xfId="6" applyFont="1" applyFill="1" applyBorder="1" applyAlignment="1" applyProtection="1"/>
    <xf numFmtId="38" fontId="14" fillId="0" borderId="244" xfId="6" applyFont="1" applyFill="1" applyBorder="1" applyAlignment="1" applyProtection="1"/>
    <xf numFmtId="38" fontId="14" fillId="0" borderId="246" xfId="6" applyFont="1" applyFill="1" applyBorder="1" applyAlignment="1" applyProtection="1"/>
    <xf numFmtId="38" fontId="14" fillId="0" borderId="243" xfId="6" applyFont="1" applyFill="1" applyBorder="1" applyAlignment="1" applyProtection="1"/>
    <xf numFmtId="38" fontId="14" fillId="0" borderId="245" xfId="6" applyFont="1" applyFill="1" applyBorder="1" applyAlignment="1" applyProtection="1"/>
    <xf numFmtId="38" fontId="14" fillId="0" borderId="10" xfId="6" quotePrefix="1" applyFont="1" applyFill="1" applyBorder="1" applyAlignment="1" applyProtection="1"/>
    <xf numFmtId="38" fontId="14" fillId="0" borderId="153" xfId="6" quotePrefix="1" applyFont="1" applyFill="1" applyBorder="1" applyAlignment="1" applyProtection="1"/>
    <xf numFmtId="38" fontId="14" fillId="0" borderId="251" xfId="6" quotePrefix="1" applyFont="1" applyFill="1" applyBorder="1" applyAlignment="1" applyProtection="1"/>
    <xf numFmtId="0" fontId="14" fillId="0" borderId="254" xfId="5" applyFont="1" applyFill="1" applyBorder="1" applyAlignment="1" applyProtection="1"/>
    <xf numFmtId="0" fontId="14" fillId="0" borderId="134" xfId="5" applyFont="1" applyFill="1" applyBorder="1" applyAlignment="1" applyProtection="1">
      <alignment horizontal="centerContinuous"/>
    </xf>
    <xf numFmtId="0" fontId="14" fillId="0" borderId="137" xfId="5" applyFont="1" applyFill="1" applyBorder="1" applyAlignment="1" applyProtection="1">
      <alignment vertical="center"/>
    </xf>
    <xf numFmtId="0" fontId="14" fillId="0" borderId="174" xfId="5" applyFont="1" applyFill="1" applyBorder="1" applyAlignment="1" applyProtection="1">
      <alignment horizontal="center" vertical="center"/>
    </xf>
    <xf numFmtId="38" fontId="14" fillId="0" borderId="242" xfId="6" applyFont="1" applyFill="1" applyBorder="1" applyAlignment="1" applyProtection="1"/>
    <xf numFmtId="38" fontId="14" fillId="0" borderId="70" xfId="6" applyFont="1" applyFill="1" applyBorder="1" applyAlignment="1" applyProtection="1"/>
    <xf numFmtId="38" fontId="14" fillId="0" borderId="0" xfId="5" quotePrefix="1" applyNumberFormat="1" applyFont="1" applyFill="1"/>
    <xf numFmtId="37" fontId="6" fillId="0" borderId="0" xfId="2" applyFont="1" applyFill="1" applyBorder="1" applyAlignment="1" applyProtection="1">
      <alignment horizontal="center" vertical="center" wrapText="1"/>
    </xf>
    <xf numFmtId="37" fontId="6" fillId="0" borderId="0" xfId="2" applyFont="1" applyFill="1" applyBorder="1" applyAlignment="1" applyProtection="1">
      <alignment horizontal="center"/>
    </xf>
    <xf numFmtId="37" fontId="14" fillId="0" borderId="11" xfId="2" quotePrefix="1" applyFont="1" applyFill="1" applyBorder="1" applyAlignment="1" applyProtection="1">
      <alignment horizontal="center" vertical="center" wrapText="1"/>
    </xf>
    <xf numFmtId="37" fontId="14" fillId="0" borderId="9" xfId="2" quotePrefix="1" applyFont="1" applyFill="1" applyBorder="1" applyAlignment="1" applyProtection="1">
      <alignment horizontal="center" vertical="center" wrapText="1"/>
    </xf>
    <xf numFmtId="37" fontId="14" fillId="0" borderId="78" xfId="2" quotePrefix="1" applyFont="1" applyFill="1" applyBorder="1" applyAlignment="1" applyProtection="1">
      <alignment horizontal="center" vertical="center" wrapText="1"/>
    </xf>
    <xf numFmtId="37" fontId="14" fillId="0" borderId="19" xfId="2" quotePrefix="1" applyFont="1" applyFill="1" applyBorder="1" applyAlignment="1" applyProtection="1">
      <alignment horizontal="center" vertical="center" wrapText="1"/>
    </xf>
    <xf numFmtId="37" fontId="14" fillId="0" borderId="10" xfId="2" quotePrefix="1" applyFont="1" applyFill="1" applyBorder="1" applyAlignment="1" applyProtection="1">
      <alignment horizontal="center" vertical="center" wrapText="1"/>
    </xf>
    <xf numFmtId="37" fontId="14" fillId="0" borderId="63" xfId="2" quotePrefix="1" applyFont="1" applyFill="1" applyBorder="1" applyAlignment="1" applyProtection="1">
      <alignment horizontal="center" vertical="center" wrapText="1"/>
    </xf>
    <xf numFmtId="37" fontId="14" fillId="0" borderId="76" xfId="2" applyFont="1" applyFill="1" applyBorder="1" applyAlignment="1" applyProtection="1">
      <alignment horizontal="center" vertical="center" wrapText="1"/>
    </xf>
    <xf numFmtId="37" fontId="14" fillId="0" borderId="77" xfId="2" applyFont="1" applyFill="1" applyBorder="1" applyAlignment="1" applyProtection="1">
      <alignment horizontal="center" vertical="center" wrapText="1"/>
    </xf>
    <xf numFmtId="37" fontId="14" fillId="0" borderId="21" xfId="2" applyFont="1" applyFill="1" applyBorder="1" applyAlignment="1" applyProtection="1">
      <alignment horizontal="center" vertical="center" wrapText="1"/>
    </xf>
    <xf numFmtId="37" fontId="14" fillId="0" borderId="20" xfId="2" applyFont="1" applyFill="1" applyBorder="1" applyAlignment="1" applyProtection="1">
      <alignment horizontal="center" vertical="center" wrapText="1"/>
    </xf>
    <xf numFmtId="37" fontId="14" fillId="0" borderId="38" xfId="2" applyFont="1" applyFill="1" applyBorder="1" applyAlignment="1" applyProtection="1">
      <alignment horizontal="center" vertical="center" wrapText="1"/>
    </xf>
    <xf numFmtId="37" fontId="14" fillId="0" borderId="63" xfId="2" applyFont="1" applyFill="1" applyBorder="1" applyAlignment="1" applyProtection="1">
      <alignment horizontal="center" vertical="center" wrapText="1"/>
    </xf>
    <xf numFmtId="37" fontId="14" fillId="0" borderId="9" xfId="2" applyFont="1" applyFill="1" applyBorder="1" applyAlignment="1" applyProtection="1">
      <alignment horizontal="center" vertical="center" wrapText="1"/>
    </xf>
    <xf numFmtId="37" fontId="14" fillId="0" borderId="75" xfId="2" applyFont="1" applyFill="1" applyBorder="1" applyAlignment="1" applyProtection="1">
      <alignment horizontal="center" vertical="center" wrapText="1"/>
    </xf>
    <xf numFmtId="37" fontId="14" fillId="0" borderId="10" xfId="2" applyFont="1" applyFill="1" applyBorder="1" applyAlignment="1" applyProtection="1">
      <alignment horizontal="center" vertical="center" wrapText="1"/>
    </xf>
    <xf numFmtId="37" fontId="14" fillId="0" borderId="67" xfId="2" applyFont="1" applyFill="1" applyBorder="1" applyAlignment="1" applyProtection="1">
      <alignment horizontal="center" vertical="center" wrapText="1"/>
    </xf>
    <xf numFmtId="37" fontId="14" fillId="0" borderId="11" xfId="2" applyFont="1" applyFill="1" applyBorder="1" applyAlignment="1" applyProtection="1">
      <alignment horizontal="center" vertical="center" wrapText="1"/>
    </xf>
    <xf numFmtId="37" fontId="14" fillId="0" borderId="19" xfId="2" applyFont="1" applyFill="1" applyBorder="1" applyAlignment="1" applyProtection="1">
      <alignment horizontal="center" vertical="center" wrapText="1"/>
    </xf>
    <xf numFmtId="37" fontId="14" fillId="0" borderId="75" xfId="2" quotePrefix="1" applyFont="1" applyFill="1" applyBorder="1" applyAlignment="1" applyProtection="1">
      <alignment horizontal="center" vertical="center" wrapText="1"/>
    </xf>
    <xf numFmtId="37" fontId="14" fillId="0" borderId="67" xfId="2" quotePrefix="1" applyFont="1" applyFill="1" applyBorder="1" applyAlignment="1" applyProtection="1">
      <alignment horizontal="center" vertical="center" wrapText="1"/>
    </xf>
    <xf numFmtId="37" fontId="14" fillId="0" borderId="11" xfId="2" quotePrefix="1" applyFont="1" applyFill="1" applyBorder="1" applyAlignment="1">
      <alignment horizontal="center" vertical="center" wrapText="1"/>
    </xf>
    <xf numFmtId="0" fontId="15" fillId="0" borderId="9" xfId="0" applyFont="1" applyFill="1" applyBorder="1"/>
    <xf numFmtId="0" fontId="15" fillId="0" borderId="75" xfId="0" applyFont="1" applyFill="1" applyBorder="1"/>
    <xf numFmtId="0" fontId="15" fillId="0" borderId="19" xfId="0" applyFont="1" applyFill="1" applyBorder="1"/>
    <xf numFmtId="0" fontId="15" fillId="0" borderId="10" xfId="0" applyFont="1" applyFill="1" applyBorder="1"/>
    <xf numFmtId="0" fontId="15" fillId="0" borderId="67" xfId="0" applyFont="1" applyFill="1" applyBorder="1"/>
    <xf numFmtId="37" fontId="14" fillId="0" borderId="60" xfId="2" applyFont="1" applyFill="1" applyBorder="1" applyAlignment="1">
      <alignment horizontal="center"/>
    </xf>
    <xf numFmtId="37" fontId="14" fillId="0" borderId="24" xfId="2" applyFont="1" applyFill="1" applyBorder="1" applyAlignment="1">
      <alignment horizontal="center"/>
    </xf>
    <xf numFmtId="37" fontId="14" fillId="0" borderId="25" xfId="2" applyFont="1" applyFill="1" applyBorder="1" applyAlignment="1">
      <alignment horizontal="center"/>
    </xf>
    <xf numFmtId="37" fontId="14" fillId="0" borderId="8" xfId="2" applyFont="1" applyFill="1" applyBorder="1" applyAlignment="1">
      <alignment horizontal="center"/>
    </xf>
    <xf numFmtId="37" fontId="14" fillId="0" borderId="42" xfId="2" applyFont="1" applyFill="1" applyBorder="1" applyAlignment="1">
      <alignment horizontal="center"/>
    </xf>
    <xf numFmtId="37" fontId="14" fillId="0" borderId="73" xfId="2" applyFont="1" applyFill="1" applyBorder="1" applyAlignment="1">
      <alignment horizontal="center"/>
    </xf>
    <xf numFmtId="0" fontId="14" fillId="0" borderId="24" xfId="0" applyFont="1" applyFill="1" applyBorder="1" applyAlignment="1">
      <alignment horizontal="center"/>
    </xf>
    <xf numFmtId="37" fontId="14" fillId="0" borderId="4" xfId="2" applyFont="1" applyFill="1" applyBorder="1" applyAlignment="1">
      <alignment horizontal="center"/>
    </xf>
    <xf numFmtId="37" fontId="14" fillId="0" borderId="12" xfId="2" applyFont="1" applyFill="1" applyBorder="1" applyAlignment="1" applyProtection="1">
      <alignment horizontal="center" vertical="center" wrapText="1"/>
    </xf>
    <xf numFmtId="37" fontId="14" fillId="0" borderId="47" xfId="2" applyFont="1" applyFill="1" applyBorder="1" applyAlignment="1" applyProtection="1">
      <alignment horizontal="center" vertical="center"/>
    </xf>
    <xf numFmtId="37" fontId="14" fillId="0" borderId="3" xfId="2" applyFont="1" applyFill="1" applyBorder="1" applyAlignment="1" applyProtection="1">
      <alignment horizontal="center" vertical="center"/>
    </xf>
    <xf numFmtId="37" fontId="14" fillId="0" borderId="44" xfId="2" applyFont="1" applyFill="1" applyBorder="1" applyAlignment="1" applyProtection="1">
      <alignment horizontal="center" vertical="center" wrapText="1"/>
    </xf>
    <xf numFmtId="37" fontId="14" fillId="0" borderId="46" xfId="2" applyFont="1" applyFill="1" applyBorder="1" applyAlignment="1" applyProtection="1">
      <alignment horizontal="center" vertical="center"/>
    </xf>
    <xf numFmtId="37" fontId="14" fillId="0" borderId="27" xfId="2" applyFont="1" applyFill="1" applyBorder="1" applyAlignment="1" applyProtection="1">
      <alignment horizontal="center" vertical="center"/>
    </xf>
    <xf numFmtId="0" fontId="14" fillId="0" borderId="8" xfId="0" applyFont="1" applyFill="1" applyBorder="1" applyAlignment="1">
      <alignment horizontal="center"/>
    </xf>
    <xf numFmtId="0" fontId="14" fillId="0" borderId="73" xfId="0" applyFont="1" applyFill="1" applyBorder="1" applyAlignment="1">
      <alignment horizontal="center"/>
    </xf>
    <xf numFmtId="0" fontId="14" fillId="0" borderId="42" xfId="0" applyFont="1" applyFill="1" applyBorder="1" applyAlignment="1">
      <alignment horizontal="center" justifyLastLine="1"/>
    </xf>
    <xf numFmtId="0" fontId="14" fillId="0" borderId="4" xfId="0" applyFont="1" applyFill="1" applyBorder="1" applyAlignment="1">
      <alignment horizontal="center" justifyLastLine="1"/>
    </xf>
    <xf numFmtId="37" fontId="14" fillId="0" borderId="62" xfId="2" applyFont="1" applyFill="1" applyBorder="1" applyAlignment="1">
      <alignment horizontal="center"/>
    </xf>
    <xf numFmtId="37" fontId="14" fillId="0" borderId="75" xfId="2" applyFont="1" applyFill="1" applyBorder="1" applyAlignment="1">
      <alignment horizontal="center" vertical="center" wrapText="1"/>
    </xf>
    <xf numFmtId="37" fontId="14" fillId="0" borderId="49" xfId="2" applyFont="1" applyFill="1" applyBorder="1" applyAlignment="1">
      <alignment horizontal="center" vertical="center" wrapText="1"/>
    </xf>
    <xf numFmtId="37" fontId="14" fillId="0" borderId="79" xfId="2" applyFont="1" applyFill="1" applyBorder="1" applyAlignment="1">
      <alignment horizontal="center" vertical="center" wrapText="1"/>
    </xf>
    <xf numFmtId="37" fontId="14" fillId="0" borderId="60" xfId="2" applyFont="1" applyFill="1" applyBorder="1" applyAlignment="1" applyProtection="1">
      <alignment horizontal="center"/>
    </xf>
    <xf numFmtId="0" fontId="15" fillId="0" borderId="24" xfId="0" applyFont="1" applyFill="1" applyBorder="1" applyAlignment="1">
      <alignment horizontal="center"/>
    </xf>
    <xf numFmtId="37" fontId="6" fillId="0" borderId="0" xfId="2" applyFont="1" applyFill="1" applyBorder="1" applyAlignment="1">
      <alignment horizontal="center" vertical="center" wrapText="1"/>
    </xf>
    <xf numFmtId="37" fontId="6" fillId="0" borderId="0" xfId="2" applyFont="1" applyFill="1" applyBorder="1" applyAlignment="1" applyProtection="1">
      <alignment horizontal="center" vertical="center" wrapText="1" justifyLastLine="1"/>
    </xf>
    <xf numFmtId="37" fontId="6" fillId="0" borderId="0" xfId="2" applyFont="1" applyFill="1" applyBorder="1" applyAlignment="1">
      <alignment horizontal="center"/>
    </xf>
    <xf numFmtId="0" fontId="10" fillId="0" borderId="0" xfId="0" applyFont="1" applyFill="1" applyBorder="1" applyAlignment="1">
      <alignment horizontal="center" justifyLastLine="1"/>
    </xf>
    <xf numFmtId="37" fontId="14" fillId="0" borderId="35" xfId="2" quotePrefix="1" applyFont="1" applyFill="1" applyBorder="1" applyAlignment="1">
      <alignment horizontal="center"/>
    </xf>
    <xf numFmtId="37" fontId="14" fillId="0" borderId="45" xfId="2" applyFont="1" applyFill="1" applyBorder="1" applyAlignment="1" applyProtection="1">
      <alignment horizontal="distributed" vertical="center" wrapText="1" justifyLastLine="1"/>
    </xf>
    <xf numFmtId="0" fontId="15" fillId="0" borderId="6" xfId="0" applyFont="1" applyFill="1" applyBorder="1" applyAlignment="1">
      <alignment horizontal="distributed" vertical="center" wrapText="1" justifyLastLine="1"/>
    </xf>
    <xf numFmtId="0" fontId="15" fillId="0" borderId="7" xfId="0" applyFont="1" applyFill="1" applyBorder="1" applyAlignment="1">
      <alignment horizontal="distributed" vertical="center" wrapText="1" justifyLastLine="1"/>
    </xf>
    <xf numFmtId="37" fontId="14" fillId="0" borderId="11" xfId="2" applyFont="1" applyFill="1" applyBorder="1" applyAlignment="1" applyProtection="1">
      <alignment horizontal="distributed" vertical="center" wrapText="1" justifyLastLine="1"/>
    </xf>
    <xf numFmtId="0" fontId="15" fillId="0" borderId="78" xfId="0" applyFont="1" applyFill="1" applyBorder="1" applyAlignment="1">
      <alignment horizontal="distributed" vertical="center" wrapText="1" justifyLastLine="1"/>
    </xf>
    <xf numFmtId="0" fontId="15" fillId="0" borderId="19" xfId="0" applyFont="1" applyFill="1" applyBorder="1" applyAlignment="1">
      <alignment horizontal="distributed" vertical="center" wrapText="1" justifyLastLine="1"/>
    </xf>
    <xf numFmtId="0" fontId="15" fillId="0" borderId="63" xfId="0" applyFont="1" applyFill="1" applyBorder="1" applyAlignment="1">
      <alignment horizontal="distributed" vertical="center" wrapText="1" justifyLastLine="1"/>
    </xf>
    <xf numFmtId="37" fontId="14" fillId="0" borderId="80" xfId="2" applyFont="1" applyFill="1" applyBorder="1" applyAlignment="1" applyProtection="1">
      <alignment horizontal="center" vertical="center" wrapText="1"/>
    </xf>
    <xf numFmtId="37" fontId="14" fillId="0" borderId="14" xfId="2" applyFont="1" applyFill="1" applyBorder="1" applyAlignment="1" applyProtection="1">
      <alignment horizontal="center" vertical="center" wrapText="1"/>
    </xf>
    <xf numFmtId="37" fontId="14" fillId="0" borderId="11" xfId="2" applyFont="1" applyFill="1" applyBorder="1" applyAlignment="1">
      <alignment horizontal="center" vertical="center"/>
    </xf>
    <xf numFmtId="37" fontId="14" fillId="0" borderId="9" xfId="2" applyFont="1" applyFill="1" applyBorder="1" applyAlignment="1">
      <alignment horizontal="center" vertical="center"/>
    </xf>
    <xf numFmtId="37" fontId="14" fillId="0" borderId="78" xfId="2" applyFont="1" applyFill="1" applyBorder="1" applyAlignment="1">
      <alignment horizontal="center" vertical="center"/>
    </xf>
    <xf numFmtId="37" fontId="14" fillId="0" borderId="19" xfId="2" applyFont="1" applyFill="1" applyBorder="1" applyAlignment="1">
      <alignment horizontal="center" vertical="center"/>
    </xf>
    <xf numFmtId="37" fontId="14" fillId="0" borderId="10" xfId="2" applyFont="1" applyFill="1" applyBorder="1" applyAlignment="1">
      <alignment horizontal="center" vertical="center"/>
    </xf>
    <xf numFmtId="37" fontId="14" fillId="0" borderId="63" xfId="2" applyFont="1" applyFill="1" applyBorder="1" applyAlignment="1">
      <alignment horizontal="center" vertical="center"/>
    </xf>
    <xf numFmtId="37" fontId="14" fillId="0" borderId="14" xfId="2" applyFont="1" applyFill="1" applyBorder="1" applyAlignment="1" applyProtection="1">
      <alignment horizontal="center" vertical="center"/>
    </xf>
    <xf numFmtId="37" fontId="14" fillId="0" borderId="0" xfId="2" applyFont="1" applyFill="1" applyBorder="1" applyAlignment="1" applyProtection="1">
      <alignment horizontal="center" vertical="center"/>
    </xf>
    <xf numFmtId="37" fontId="14" fillId="0" borderId="49" xfId="2" applyFont="1" applyFill="1" applyBorder="1" applyAlignment="1" applyProtection="1">
      <alignment horizontal="center" vertical="center"/>
    </xf>
    <xf numFmtId="37" fontId="14" fillId="0" borderId="19" xfId="2" applyFont="1" applyFill="1" applyBorder="1" applyAlignment="1" applyProtection="1">
      <alignment horizontal="center" vertical="center"/>
    </xf>
    <xf numFmtId="37" fontId="14" fillId="0" borderId="10" xfId="2" applyFont="1" applyFill="1" applyBorder="1" applyAlignment="1" applyProtection="1">
      <alignment horizontal="center" vertical="center"/>
    </xf>
    <xf numFmtId="37" fontId="14" fillId="0" borderId="67" xfId="2" applyFont="1" applyFill="1" applyBorder="1" applyAlignment="1" applyProtection="1">
      <alignment horizontal="center" vertical="center"/>
    </xf>
    <xf numFmtId="37" fontId="14" fillId="0" borderId="8" xfId="2" applyFont="1" applyFill="1" applyBorder="1" applyAlignment="1" applyProtection="1">
      <alignment horizontal="distributed" justifyLastLine="1"/>
    </xf>
    <xf numFmtId="0" fontId="15" fillId="0" borderId="4" xfId="0" applyFont="1" applyFill="1" applyBorder="1" applyAlignment="1">
      <alignment horizontal="distributed" justifyLastLine="1"/>
    </xf>
    <xf numFmtId="37" fontId="14" fillId="0" borderId="62" xfId="2" applyFont="1" applyFill="1" applyBorder="1" applyAlignment="1" applyProtection="1">
      <alignment horizontal="center"/>
    </xf>
    <xf numFmtId="0" fontId="15" fillId="0" borderId="25" xfId="0" applyFont="1" applyFill="1" applyBorder="1" applyAlignment="1">
      <alignment horizontal="center"/>
    </xf>
    <xf numFmtId="37" fontId="14" fillId="0" borderId="8" xfId="2" applyFont="1" applyFill="1" applyBorder="1" applyAlignment="1" applyProtection="1">
      <alignment horizontal="center"/>
    </xf>
    <xf numFmtId="0" fontId="15" fillId="0" borderId="42" xfId="0" applyFont="1" applyFill="1" applyBorder="1" applyAlignment="1">
      <alignment horizontal="center"/>
    </xf>
    <xf numFmtId="0" fontId="15" fillId="0" borderId="4" xfId="0" applyFont="1" applyFill="1" applyBorder="1" applyAlignment="1">
      <alignment horizontal="center"/>
    </xf>
    <xf numFmtId="0" fontId="14" fillId="0" borderId="4" xfId="0" applyFont="1" applyFill="1" applyBorder="1" applyAlignment="1">
      <alignment horizontal="center"/>
    </xf>
    <xf numFmtId="37" fontId="14" fillId="0" borderId="11" xfId="2" applyFont="1" applyFill="1" applyBorder="1" applyAlignment="1" applyProtection="1">
      <alignment horizontal="center" vertical="center"/>
    </xf>
    <xf numFmtId="37" fontId="14" fillId="0" borderId="9" xfId="2" applyFont="1" applyFill="1" applyBorder="1" applyAlignment="1" applyProtection="1">
      <alignment horizontal="center" vertical="center"/>
    </xf>
    <xf numFmtId="37" fontId="6" fillId="0" borderId="0" xfId="2" applyFont="1" applyFill="1" applyBorder="1" applyAlignment="1" applyProtection="1">
      <alignment horizontal="distributed" justifyLastLine="1"/>
    </xf>
    <xf numFmtId="0" fontId="0" fillId="0" borderId="0" xfId="0" applyFill="1" applyBorder="1" applyAlignment="1">
      <alignment horizontal="distributed" justifyLastLine="1"/>
    </xf>
    <xf numFmtId="0" fontId="10" fillId="0" borderId="0" xfId="0" applyFont="1" applyFill="1" applyBorder="1" applyAlignment="1">
      <alignment horizontal="center"/>
    </xf>
    <xf numFmtId="37" fontId="6" fillId="0" borderId="0" xfId="2" applyFont="1" applyFill="1" applyBorder="1" applyAlignment="1" applyProtection="1">
      <alignment horizontal="center" vertical="center"/>
    </xf>
    <xf numFmtId="37" fontId="6" fillId="0" borderId="0" xfId="2" applyFont="1" applyFill="1" applyBorder="1" applyAlignment="1" applyProtection="1">
      <alignment horizontal="distributed" vertical="center" wrapText="1" justifyLastLine="1"/>
    </xf>
    <xf numFmtId="0" fontId="7" fillId="0" borderId="0" xfId="0" applyFont="1" applyFill="1" applyBorder="1" applyAlignment="1">
      <alignment horizontal="distributed" vertical="center" wrapText="1" justifyLastLine="1"/>
    </xf>
    <xf numFmtId="37" fontId="14" fillId="0" borderId="121" xfId="3" applyFont="1" applyFill="1" applyBorder="1" applyAlignment="1" applyProtection="1">
      <alignment horizontal="center" vertical="center"/>
    </xf>
    <xf numFmtId="37" fontId="14" fillId="0" borderId="120" xfId="3" applyFont="1" applyFill="1" applyBorder="1" applyAlignment="1" applyProtection="1">
      <alignment horizontal="center" vertical="center"/>
    </xf>
    <xf numFmtId="37" fontId="14" fillId="0" borderId="122" xfId="3" applyFont="1" applyFill="1" applyBorder="1" applyAlignment="1" applyProtection="1">
      <alignment horizontal="center" vertical="center" wrapText="1"/>
    </xf>
    <xf numFmtId="37" fontId="14" fillId="0" borderId="47" xfId="3" applyFont="1" applyFill="1" applyBorder="1" applyAlignment="1" applyProtection="1">
      <alignment horizontal="center" vertical="center" wrapText="1"/>
    </xf>
    <xf numFmtId="37" fontId="14" fillId="0" borderId="96" xfId="3" applyFont="1" applyFill="1" applyBorder="1" applyAlignment="1" applyProtection="1">
      <alignment horizontal="center" vertical="center"/>
    </xf>
    <xf numFmtId="0" fontId="1" fillId="0" borderId="92" xfId="0" applyFont="1" applyFill="1" applyBorder="1" applyAlignment="1">
      <alignment horizontal="center" vertical="center"/>
    </xf>
    <xf numFmtId="37" fontId="14" fillId="0" borderId="95" xfId="3" applyFont="1" applyFill="1" applyBorder="1" applyAlignment="1" applyProtection="1">
      <alignment horizontal="center" vertical="center"/>
    </xf>
    <xf numFmtId="0" fontId="1" fillId="0" borderId="91" xfId="0" applyFont="1" applyFill="1" applyBorder="1" applyAlignment="1">
      <alignment horizontal="center" vertical="center"/>
    </xf>
    <xf numFmtId="37" fontId="14" fillId="0" borderId="94" xfId="3" applyFont="1" applyFill="1" applyBorder="1" applyAlignment="1" applyProtection="1">
      <alignment horizontal="center" vertical="center"/>
    </xf>
    <xf numFmtId="0" fontId="1" fillId="0" borderId="90" xfId="0" applyFont="1" applyFill="1" applyBorder="1" applyAlignment="1">
      <alignment horizontal="center" vertical="center"/>
    </xf>
    <xf numFmtId="0" fontId="1" fillId="0" borderId="96" xfId="0" applyFont="1" applyFill="1" applyBorder="1" applyAlignment="1">
      <alignment horizontal="center" vertical="center"/>
    </xf>
    <xf numFmtId="0" fontId="1" fillId="0" borderId="95" xfId="0" applyFont="1" applyFill="1" applyBorder="1" applyAlignment="1">
      <alignment horizontal="center" vertical="center"/>
    </xf>
    <xf numFmtId="0" fontId="1" fillId="0" borderId="94" xfId="0" applyFont="1" applyFill="1" applyBorder="1" applyAlignment="1">
      <alignment horizontal="center" vertical="center"/>
    </xf>
    <xf numFmtId="37" fontId="14" fillId="0" borderId="103" xfId="3" applyFont="1" applyFill="1" applyBorder="1" applyAlignment="1" applyProtection="1">
      <alignment horizontal="center" vertical="center"/>
    </xf>
    <xf numFmtId="37" fontId="14" fillId="0" borderId="102" xfId="3" applyFont="1" applyFill="1" applyBorder="1" applyAlignment="1" applyProtection="1">
      <alignment horizontal="center" vertical="center"/>
    </xf>
    <xf numFmtId="37" fontId="14" fillId="0" borderId="101" xfId="3" applyFont="1" applyFill="1" applyBorder="1" applyAlignment="1" applyProtection="1">
      <alignment horizontal="center" vertical="center"/>
    </xf>
    <xf numFmtId="37" fontId="14" fillId="0" borderId="111" xfId="3" applyFont="1" applyFill="1" applyBorder="1" applyAlignment="1">
      <alignment horizontal="center" vertical="center"/>
    </xf>
    <xf numFmtId="0" fontId="1" fillId="0" borderId="4" xfId="0" applyFont="1" applyFill="1" applyBorder="1" applyAlignment="1">
      <alignment horizontal="center" vertical="center"/>
    </xf>
    <xf numFmtId="37" fontId="14" fillId="0" borderId="113" xfId="3" applyFont="1" applyFill="1" applyBorder="1" applyAlignment="1">
      <alignment horizontal="center" vertical="center"/>
    </xf>
    <xf numFmtId="0" fontId="1" fillId="0" borderId="67" xfId="0" applyFont="1" applyFill="1" applyBorder="1" applyAlignment="1">
      <alignment horizontal="center" vertical="center"/>
    </xf>
    <xf numFmtId="37" fontId="14" fillId="0" borderId="4" xfId="3" applyFont="1" applyFill="1" applyBorder="1" applyAlignment="1">
      <alignment horizontal="center" vertical="center"/>
    </xf>
    <xf numFmtId="37" fontId="14" fillId="0" borderId="8" xfId="3" applyFont="1" applyFill="1" applyBorder="1" applyAlignment="1">
      <alignment horizontal="center" vertical="center"/>
    </xf>
    <xf numFmtId="0" fontId="1" fillId="0" borderId="112" xfId="0" applyFont="1" applyFill="1" applyBorder="1" applyAlignment="1">
      <alignment horizontal="center" vertical="center"/>
    </xf>
    <xf numFmtId="37" fontId="14" fillId="0" borderId="11" xfId="3" applyFont="1" applyFill="1" applyBorder="1" applyAlignment="1">
      <alignment horizontal="center" vertical="center"/>
    </xf>
    <xf numFmtId="37" fontId="14" fillId="0" borderId="115" xfId="3" applyFont="1" applyFill="1" applyBorder="1" applyAlignment="1">
      <alignment horizontal="center" vertical="center"/>
    </xf>
    <xf numFmtId="37" fontId="14" fillId="0" borderId="45" xfId="3" applyFont="1" applyFill="1" applyBorder="1" applyAlignment="1" applyProtection="1">
      <alignment horizontal="distributed" vertical="center" justifyLastLine="1"/>
    </xf>
    <xf numFmtId="37" fontId="14" fillId="0" borderId="37" xfId="3" applyFont="1" applyFill="1" applyBorder="1" applyAlignment="1" applyProtection="1">
      <alignment horizontal="distributed" vertical="center" justifyLastLine="1"/>
    </xf>
    <xf numFmtId="37" fontId="14" fillId="0" borderId="86" xfId="3" applyFont="1" applyFill="1" applyBorder="1" applyAlignment="1" applyProtection="1">
      <alignment horizontal="distributed" vertical="center" justifyLastLine="1"/>
    </xf>
    <xf numFmtId="37" fontId="14" fillId="0" borderId="104" xfId="3" applyFont="1" applyFill="1" applyBorder="1" applyAlignment="1" applyProtection="1">
      <alignment horizontal="distributed" vertical="center" justifyLastLine="1"/>
    </xf>
    <xf numFmtId="37" fontId="14" fillId="0" borderId="8" xfId="3" applyFont="1" applyFill="1" applyBorder="1" applyAlignment="1" applyProtection="1">
      <alignment horizontal="center" vertical="center"/>
    </xf>
    <xf numFmtId="37" fontId="14" fillId="0" borderId="4" xfId="3" applyFont="1" applyFill="1" applyBorder="1" applyAlignment="1" applyProtection="1">
      <alignment horizontal="center" vertical="center"/>
    </xf>
    <xf numFmtId="37" fontId="14" fillId="0" borderId="112" xfId="3" applyFont="1" applyFill="1" applyBorder="1" applyAlignment="1">
      <alignment horizontal="center" vertical="center"/>
    </xf>
    <xf numFmtId="37" fontId="14" fillId="0" borderId="6" xfId="3" applyFont="1" applyFill="1" applyBorder="1" applyAlignment="1" applyProtection="1">
      <alignment horizontal="distributed" vertical="center" justifyLastLine="1"/>
    </xf>
    <xf numFmtId="37" fontId="14" fillId="0" borderId="80" xfId="3" applyFont="1" applyFill="1" applyBorder="1" applyAlignment="1" applyProtection="1">
      <alignment horizontal="center" vertical="center" wrapText="1"/>
    </xf>
    <xf numFmtId="0" fontId="1" fillId="0" borderId="123" xfId="0" applyFont="1" applyFill="1" applyBorder="1" applyAlignment="1">
      <alignment horizontal="center" vertical="center" wrapText="1"/>
    </xf>
    <xf numFmtId="37" fontId="14" fillId="0" borderId="14" xfId="3" applyFont="1" applyFill="1" applyBorder="1" applyAlignment="1" applyProtection="1">
      <alignment horizontal="center" vertical="center" wrapText="1"/>
    </xf>
    <xf numFmtId="0" fontId="1" fillId="0" borderId="49" xfId="0" applyFont="1" applyFill="1" applyBorder="1" applyAlignment="1">
      <alignment horizontal="center" vertical="center" wrapText="1"/>
    </xf>
    <xf numFmtId="37" fontId="14" fillId="0" borderId="13" xfId="3" applyFont="1" applyFill="1" applyBorder="1" applyAlignment="1" applyProtection="1">
      <alignment horizontal="center" vertical="center" wrapText="1"/>
    </xf>
    <xf numFmtId="0" fontId="1" fillId="0" borderId="79" xfId="0" applyFont="1" applyFill="1" applyBorder="1" applyAlignment="1">
      <alignment horizontal="center" vertical="center" wrapText="1"/>
    </xf>
    <xf numFmtId="37" fontId="14" fillId="0" borderId="100" xfId="3" applyFont="1" applyFill="1" applyBorder="1" applyAlignment="1">
      <alignment horizontal="center" vertical="center" wrapText="1"/>
    </xf>
    <xf numFmtId="37" fontId="14" fillId="0" borderId="99" xfId="3" applyFont="1" applyFill="1" applyBorder="1" applyAlignment="1">
      <alignment horizontal="center" vertical="center" wrapText="1"/>
    </xf>
    <xf numFmtId="37" fontId="14" fillId="0" borderId="14" xfId="3" applyFont="1" applyFill="1" applyBorder="1" applyAlignment="1">
      <alignment horizontal="center" vertical="center" wrapText="1"/>
    </xf>
    <xf numFmtId="37" fontId="14" fillId="0" borderId="0" xfId="3" applyFont="1" applyFill="1" applyBorder="1" applyAlignment="1">
      <alignment horizontal="center" vertical="center" wrapText="1"/>
    </xf>
    <xf numFmtId="37" fontId="14" fillId="0" borderId="68" xfId="3" applyFont="1" applyFill="1" applyBorder="1" applyAlignment="1">
      <alignment horizontal="center" vertical="center" wrapText="1"/>
    </xf>
    <xf numFmtId="37" fontId="14" fillId="0" borderId="70" xfId="3" applyFont="1" applyFill="1" applyBorder="1" applyAlignment="1">
      <alignment horizontal="center" vertical="center" wrapText="1"/>
    </xf>
    <xf numFmtId="178" fontId="6" fillId="0" borderId="61" xfId="3" quotePrefix="1" applyNumberFormat="1" applyFont="1" applyFill="1" applyBorder="1" applyAlignment="1">
      <alignment horizontal="right" vertical="top"/>
    </xf>
    <xf numFmtId="178" fontId="6" fillId="0" borderId="0" xfId="3" applyNumberFormat="1" applyFont="1" applyFill="1" applyAlignment="1">
      <alignment horizontal="right" vertical="top"/>
    </xf>
    <xf numFmtId="37" fontId="14" fillId="0" borderId="118" xfId="3" applyFont="1" applyFill="1" applyBorder="1" applyAlignment="1" applyProtection="1">
      <alignment horizontal="center" vertical="center"/>
    </xf>
    <xf numFmtId="0" fontId="1" fillId="0" borderId="64" xfId="0" applyFont="1" applyFill="1" applyBorder="1" applyAlignment="1">
      <alignment horizontal="center" vertical="center"/>
    </xf>
    <xf numFmtId="37" fontId="14" fillId="0" borderId="11" xfId="3" applyFont="1" applyFill="1" applyBorder="1" applyAlignment="1" applyProtection="1">
      <alignment horizontal="center" vertical="center"/>
    </xf>
    <xf numFmtId="0" fontId="1" fillId="0" borderId="75" xfId="0" applyFont="1" applyFill="1" applyBorder="1" applyAlignment="1">
      <alignment horizontal="center" vertical="center"/>
    </xf>
    <xf numFmtId="37" fontId="14" fillId="0" borderId="19" xfId="3" applyFont="1" applyFill="1" applyBorder="1" applyAlignment="1" applyProtection="1">
      <alignment horizontal="center" vertical="center"/>
    </xf>
    <xf numFmtId="37" fontId="14" fillId="0" borderId="117" xfId="3" applyFont="1" applyFill="1" applyBorder="1" applyAlignment="1" applyProtection="1">
      <alignment horizontal="center" vertical="center"/>
    </xf>
    <xf numFmtId="0" fontId="1" fillId="0" borderId="116" xfId="0" applyFont="1" applyFill="1" applyBorder="1" applyAlignment="1">
      <alignment horizontal="center" vertical="center"/>
    </xf>
    <xf numFmtId="37" fontId="14" fillId="0" borderId="44" xfId="3" applyFont="1" applyFill="1" applyBorder="1" applyAlignment="1" applyProtection="1">
      <alignment horizontal="center" vertical="center"/>
    </xf>
    <xf numFmtId="37" fontId="14" fillId="0" borderId="27" xfId="3" applyFont="1" applyFill="1" applyBorder="1" applyAlignment="1" applyProtection="1">
      <alignment horizontal="center" vertical="center"/>
    </xf>
    <xf numFmtId="37" fontId="14" fillId="0" borderId="3" xfId="3" applyFont="1" applyFill="1" applyBorder="1" applyAlignment="1" applyProtection="1">
      <alignment horizontal="center" vertical="center" wrapText="1"/>
    </xf>
    <xf numFmtId="37" fontId="14" fillId="0" borderId="12" xfId="3" applyFont="1" applyFill="1" applyBorder="1" applyAlignment="1" applyProtection="1">
      <alignment horizontal="center" vertical="center" wrapText="1"/>
    </xf>
    <xf numFmtId="37" fontId="14" fillId="0" borderId="61" xfId="3" applyFont="1" applyFill="1" applyBorder="1" applyAlignment="1" applyProtection="1">
      <alignment horizontal="center" vertical="center" wrapText="1"/>
    </xf>
    <xf numFmtId="37" fontId="14" fillId="0" borderId="123" xfId="3" applyFont="1" applyFill="1" applyBorder="1" applyAlignment="1" applyProtection="1">
      <alignment horizontal="center" vertical="center" wrapText="1"/>
    </xf>
    <xf numFmtId="37" fontId="14" fillId="0" borderId="0" xfId="3" applyFont="1" applyFill="1" applyBorder="1" applyAlignment="1" applyProtection="1">
      <alignment horizontal="center" vertical="center" wrapText="1"/>
    </xf>
    <xf numFmtId="37" fontId="14" fillId="0" borderId="49" xfId="3" applyFont="1" applyFill="1" applyBorder="1" applyAlignment="1" applyProtection="1">
      <alignment horizontal="center" vertical="center" wrapText="1"/>
    </xf>
    <xf numFmtId="37" fontId="14" fillId="0" borderId="80" xfId="3" applyFont="1" applyFill="1" applyBorder="1" applyAlignment="1" applyProtection="1">
      <alignment horizontal="center" vertical="center" shrinkToFit="1"/>
    </xf>
    <xf numFmtId="37" fontId="14" fillId="0" borderId="77" xfId="3" applyFont="1" applyFill="1" applyBorder="1" applyAlignment="1" applyProtection="1">
      <alignment horizontal="center" vertical="center" shrinkToFit="1"/>
    </xf>
    <xf numFmtId="37" fontId="14" fillId="0" borderId="19" xfId="3" applyFont="1" applyFill="1" applyBorder="1" applyAlignment="1" applyProtection="1">
      <alignment horizontal="center" vertical="center" shrinkToFit="1"/>
    </xf>
    <xf numFmtId="37" fontId="14" fillId="0" borderId="63" xfId="3" applyFont="1" applyFill="1" applyBorder="1" applyAlignment="1" applyProtection="1">
      <alignment horizontal="center" vertical="center" shrinkToFit="1"/>
    </xf>
    <xf numFmtId="37" fontId="14" fillId="0" borderId="29" xfId="3" applyFont="1" applyFill="1" applyBorder="1" applyAlignment="1" applyProtection="1">
      <alignment horizontal="center" vertical="center"/>
    </xf>
    <xf numFmtId="0" fontId="1" fillId="0" borderId="119" xfId="0" applyFont="1" applyFill="1" applyBorder="1" applyAlignment="1">
      <alignment horizontal="center" vertical="center"/>
    </xf>
    <xf numFmtId="37" fontId="14" fillId="0" borderId="19" xfId="3" applyFont="1" applyFill="1" applyBorder="1" applyAlignment="1">
      <alignment horizontal="center" vertical="center"/>
    </xf>
    <xf numFmtId="0" fontId="1" fillId="0" borderId="114" xfId="0" applyFont="1" applyFill="1" applyBorder="1" applyAlignment="1">
      <alignment horizontal="center" vertical="center"/>
    </xf>
    <xf numFmtId="0" fontId="14" fillId="0" borderId="0" xfId="5" applyFont="1" applyFill="1" applyBorder="1" applyAlignment="1" applyProtection="1">
      <alignment horizontal="right"/>
    </xf>
    <xf numFmtId="0" fontId="14" fillId="0" borderId="70" xfId="5" applyFont="1" applyFill="1" applyBorder="1" applyAlignment="1" applyProtection="1">
      <alignment horizontal="right"/>
    </xf>
    <xf numFmtId="0" fontId="14" fillId="0" borderId="76" xfId="5" applyFont="1" applyFill="1" applyBorder="1" applyAlignment="1" applyProtection="1">
      <alignment horizontal="distributed" vertical="center" justifyLastLine="1"/>
    </xf>
    <xf numFmtId="0" fontId="14" fillId="0" borderId="123" xfId="5" applyFont="1" applyFill="1" applyBorder="1" applyAlignment="1" applyProtection="1">
      <alignment horizontal="distributed" vertical="center" justifyLastLine="1"/>
    </xf>
    <xf numFmtId="0" fontId="14" fillId="0" borderId="21" xfId="5" applyFont="1" applyFill="1" applyBorder="1" applyAlignment="1" applyProtection="1">
      <alignment horizontal="distributed" vertical="center" justifyLastLine="1"/>
    </xf>
    <xf numFmtId="0" fontId="14" fillId="0" borderId="49" xfId="5" applyFont="1" applyFill="1" applyBorder="1" applyAlignment="1" applyProtection="1">
      <alignment horizontal="distributed" vertical="center" justifyLastLine="1"/>
    </xf>
    <xf numFmtId="0" fontId="14" fillId="0" borderId="166" xfId="5" applyFont="1" applyFill="1" applyBorder="1" applyAlignment="1" applyProtection="1">
      <alignment horizontal="distributed" vertical="center" justifyLastLine="1"/>
    </xf>
    <xf numFmtId="0" fontId="14" fillId="0" borderId="170" xfId="5" applyFont="1" applyFill="1" applyBorder="1" applyAlignment="1" applyProtection="1">
      <alignment horizontal="distributed" vertical="center" justifyLastLine="1"/>
    </xf>
    <xf numFmtId="0" fontId="14" fillId="0" borderId="190" xfId="5" applyFont="1" applyFill="1" applyBorder="1" applyAlignment="1" applyProtection="1">
      <alignment horizontal="distributed" vertical="center" justifyLastLine="1"/>
    </xf>
    <xf numFmtId="0" fontId="14" fillId="0" borderId="200" xfId="5" applyFont="1" applyFill="1" applyBorder="1" applyAlignment="1" applyProtection="1">
      <alignment horizontal="distributed" vertical="center" justifyLastLine="1"/>
    </xf>
    <xf numFmtId="0" fontId="14" fillId="0" borderId="192" xfId="5" applyFont="1" applyFill="1" applyBorder="1" applyAlignment="1" applyProtection="1">
      <alignment horizontal="distributed" vertical="center" justifyLastLine="1"/>
    </xf>
    <xf numFmtId="0" fontId="14" fillId="0" borderId="137" xfId="5" applyFont="1" applyFill="1" applyBorder="1" applyAlignment="1" applyProtection="1">
      <alignment horizontal="distributed" vertical="center" justifyLastLine="1"/>
    </xf>
    <xf numFmtId="0" fontId="14" fillId="0" borderId="140" xfId="5" applyFont="1" applyFill="1" applyBorder="1" applyAlignment="1" applyProtection="1">
      <alignment horizontal="distributed" vertical="center" justifyLastLine="1"/>
    </xf>
    <xf numFmtId="0" fontId="14" fillId="0" borderId="196" xfId="5" applyFont="1" applyFill="1" applyBorder="1" applyAlignment="1" applyProtection="1">
      <alignment horizontal="distributed" vertical="center" justifyLastLine="1"/>
    </xf>
    <xf numFmtId="0" fontId="14" fillId="0" borderId="140" xfId="5" applyFont="1" applyFill="1" applyBorder="1" applyAlignment="1">
      <alignment horizontal="distributed" vertical="center" justifyLastLine="1"/>
    </xf>
    <xf numFmtId="0" fontId="14" fillId="0" borderId="137" xfId="5" applyFont="1" applyFill="1" applyBorder="1" applyAlignment="1">
      <alignment horizontal="center" vertical="center" justifyLastLine="1"/>
    </xf>
    <xf numFmtId="0" fontId="14" fillId="0" borderId="196" xfId="5" applyFont="1" applyFill="1" applyBorder="1" applyAlignment="1">
      <alignment horizontal="center" vertical="center" justifyLastLine="1"/>
    </xf>
    <xf numFmtId="0" fontId="6" fillId="0" borderId="198" xfId="5" applyFont="1" applyFill="1" applyBorder="1" applyAlignment="1" applyProtection="1">
      <alignment horizontal="center" vertical="center" wrapText="1" justifyLastLine="1"/>
    </xf>
    <xf numFmtId="0" fontId="6" fillId="0" borderId="149" xfId="5" applyFont="1" applyFill="1" applyBorder="1" applyAlignment="1" applyProtection="1">
      <alignment horizontal="center" vertical="center" wrapText="1" justifyLastLine="1"/>
    </xf>
    <xf numFmtId="0" fontId="14" fillId="0" borderId="80" xfId="5" applyFont="1" applyFill="1" applyBorder="1" applyAlignment="1" applyProtection="1">
      <alignment horizontal="center" vertical="center"/>
    </xf>
    <xf numFmtId="0" fontId="14" fillId="0" borderId="61" xfId="5" applyFont="1" applyFill="1" applyBorder="1" applyAlignment="1" applyProtection="1">
      <alignment horizontal="center" vertical="center"/>
    </xf>
    <xf numFmtId="0" fontId="2" fillId="0" borderId="61" xfId="5" applyFill="1" applyBorder="1" applyAlignment="1">
      <alignment horizontal="center" vertical="center"/>
    </xf>
    <xf numFmtId="0" fontId="2" fillId="0" borderId="77" xfId="5" applyFill="1" applyBorder="1" applyAlignment="1">
      <alignment horizontal="center" vertical="center"/>
    </xf>
    <xf numFmtId="0" fontId="14" fillId="0" borderId="186" xfId="5" applyFont="1" applyFill="1" applyBorder="1" applyAlignment="1" applyProtection="1">
      <alignment horizontal="center" vertical="center"/>
    </xf>
    <xf numFmtId="0" fontId="14" fillId="0" borderId="188" xfId="5" applyFont="1" applyFill="1" applyBorder="1" applyAlignment="1" applyProtection="1">
      <alignment horizontal="center" vertical="center"/>
    </xf>
    <xf numFmtId="0" fontId="2" fillId="0" borderId="188" xfId="5" applyFill="1" applyBorder="1" applyAlignment="1">
      <alignment horizontal="center" vertical="center"/>
    </xf>
    <xf numFmtId="0" fontId="2" fillId="0" borderId="185" xfId="5" applyFill="1" applyBorder="1" applyAlignment="1">
      <alignment horizontal="center" vertical="center"/>
    </xf>
    <xf numFmtId="0" fontId="14" fillId="0" borderId="195" xfId="5" applyFont="1" applyFill="1" applyBorder="1" applyAlignment="1">
      <alignment horizontal="distributed" vertical="center" justifyLastLine="1"/>
    </xf>
    <xf numFmtId="0" fontId="14" fillId="0" borderId="194" xfId="5" applyFont="1" applyFill="1" applyBorder="1" applyAlignment="1">
      <alignment horizontal="distributed" vertical="center" justifyLastLine="1"/>
    </xf>
    <xf numFmtId="0" fontId="14" fillId="0" borderId="196" xfId="5" applyFont="1" applyFill="1" applyBorder="1" applyAlignment="1">
      <alignment horizontal="distributed" vertical="center" justifyLastLine="1"/>
    </xf>
    <xf numFmtId="0" fontId="14" fillId="0" borderId="76" xfId="5" applyFont="1" applyFill="1" applyBorder="1" applyAlignment="1" applyProtection="1">
      <alignment horizontal="center" vertical="center" wrapText="1"/>
    </xf>
    <xf numFmtId="0" fontId="14" fillId="0" borderId="77" xfId="5" applyFont="1" applyFill="1" applyBorder="1" applyAlignment="1" applyProtection="1">
      <alignment horizontal="center" vertical="center" wrapText="1"/>
    </xf>
    <xf numFmtId="0" fontId="14" fillId="0" borderId="21" xfId="5" applyFont="1" applyFill="1" applyBorder="1" applyAlignment="1" applyProtection="1">
      <alignment horizontal="center" vertical="center" wrapText="1"/>
    </xf>
    <xf numFmtId="0" fontId="14" fillId="0" borderId="20" xfId="5" applyFont="1" applyFill="1" applyBorder="1" applyAlignment="1" applyProtection="1">
      <alignment horizontal="center" vertical="center" wrapText="1"/>
    </xf>
    <xf numFmtId="0" fontId="14" fillId="0" borderId="132" xfId="5" applyFont="1" applyFill="1" applyBorder="1" applyAlignment="1" applyProtection="1">
      <alignment horizontal="center" vertical="center" wrapText="1"/>
    </xf>
    <xf numFmtId="0" fontId="14" fillId="0" borderId="184" xfId="5" applyFont="1" applyFill="1" applyBorder="1" applyAlignment="1" applyProtection="1">
      <alignment horizontal="center" vertical="center" wrapText="1"/>
    </xf>
    <xf numFmtId="0" fontId="14" fillId="0" borderId="190" xfId="5" applyFont="1" applyFill="1" applyBorder="1" applyAlignment="1" applyProtection="1">
      <alignment horizontal="center" vertical="center" justifyLastLine="1"/>
    </xf>
    <xf numFmtId="0" fontId="14" fillId="0" borderId="168" xfId="5" applyFont="1" applyFill="1" applyBorder="1" applyAlignment="1" applyProtection="1">
      <alignment horizontal="center" vertical="center" justifyLastLine="1"/>
    </xf>
    <xf numFmtId="0" fontId="14" fillId="0" borderId="14" xfId="5" applyFont="1" applyFill="1" applyBorder="1" applyAlignment="1" applyProtection="1">
      <alignment horizontal="center" vertical="center" justifyLastLine="1"/>
    </xf>
    <xf numFmtId="0" fontId="14" fillId="0" borderId="49" xfId="5" applyFont="1" applyFill="1" applyBorder="1" applyAlignment="1" applyProtection="1">
      <alignment horizontal="center" vertical="center" justifyLastLine="1"/>
    </xf>
    <xf numFmtId="0" fontId="14" fillId="0" borderId="138" xfId="5" applyFont="1" applyFill="1" applyBorder="1" applyAlignment="1" applyProtection="1">
      <alignment horizontal="center" vertical="center" justifyLastLine="1"/>
    </xf>
    <xf numFmtId="0" fontId="14" fillId="0" borderId="193" xfId="5" applyFont="1" applyFill="1" applyBorder="1" applyAlignment="1" applyProtection="1">
      <alignment horizontal="center" vertical="center" justifyLastLine="1"/>
    </xf>
    <xf numFmtId="0" fontId="14" fillId="0" borderId="174" xfId="5" applyFont="1" applyFill="1" applyBorder="1" applyAlignment="1" applyProtection="1">
      <alignment horizontal="distributed" vertical="center" justifyLastLine="1"/>
    </xf>
    <xf numFmtId="0" fontId="14" fillId="0" borderId="14" xfId="5" applyFont="1" applyFill="1" applyBorder="1" applyAlignment="1" applyProtection="1">
      <alignment horizontal="center" vertical="center"/>
    </xf>
    <xf numFmtId="0" fontId="14" fillId="0" borderId="0" xfId="5" applyFont="1" applyFill="1" applyBorder="1" applyAlignment="1" applyProtection="1">
      <alignment horizontal="center" vertical="center"/>
    </xf>
    <xf numFmtId="0" fontId="14" fillId="0" borderId="138" xfId="5" applyFont="1" applyFill="1" applyBorder="1" applyAlignment="1" applyProtection="1">
      <alignment horizontal="center" vertical="center"/>
    </xf>
    <xf numFmtId="0" fontId="14" fillId="0" borderId="140" xfId="5" applyFont="1" applyFill="1" applyBorder="1" applyAlignment="1" applyProtection="1">
      <alignment horizontal="center" vertical="center"/>
    </xf>
    <xf numFmtId="0" fontId="14" fillId="0" borderId="61" xfId="5" applyFont="1" applyFill="1" applyBorder="1" applyAlignment="1">
      <alignment horizontal="center" vertical="center"/>
    </xf>
    <xf numFmtId="0" fontId="14" fillId="0" borderId="140" xfId="5" applyFont="1" applyFill="1" applyBorder="1" applyAlignment="1">
      <alignment horizontal="center" vertical="center"/>
    </xf>
    <xf numFmtId="0" fontId="14" fillId="0" borderId="191" xfId="5" applyFont="1" applyFill="1" applyBorder="1" applyAlignment="1" applyProtection="1">
      <alignment horizontal="center" vertical="center" justifyLastLine="1"/>
    </xf>
    <xf numFmtId="0" fontId="14" fillId="0" borderId="169" xfId="5" applyFont="1" applyFill="1" applyBorder="1" applyAlignment="1" applyProtection="1">
      <alignment horizontal="center" vertical="center" justifyLastLine="1"/>
    </xf>
    <xf numFmtId="0" fontId="14" fillId="0" borderId="185" xfId="5" applyFont="1" applyFill="1" applyBorder="1" applyAlignment="1" applyProtection="1">
      <alignment horizontal="center" vertical="center"/>
    </xf>
    <xf numFmtId="0" fontId="14" fillId="0" borderId="22" xfId="5" applyFont="1" applyFill="1" applyBorder="1" applyAlignment="1">
      <alignment horizontal="distributed" justifyLastLine="1"/>
    </xf>
    <xf numFmtId="0" fontId="14" fillId="0" borderId="124" xfId="5" applyFont="1" applyFill="1" applyBorder="1" applyAlignment="1">
      <alignment horizontal="distributed" justifyLastLine="1"/>
    </xf>
    <xf numFmtId="0" fontId="14" fillId="0" borderId="34" xfId="5" applyFont="1" applyFill="1" applyBorder="1" applyAlignment="1">
      <alignment horizontal="distributed" justifyLastLine="1"/>
    </xf>
    <xf numFmtId="0" fontId="14" fillId="0" borderId="128" xfId="5" applyFont="1" applyFill="1" applyBorder="1" applyAlignment="1">
      <alignment horizontal="distributed" justifyLastLine="1"/>
    </xf>
    <xf numFmtId="0" fontId="14" fillId="0" borderId="80" xfId="5" applyFont="1" applyFill="1" applyBorder="1" applyAlignment="1" applyProtection="1">
      <alignment horizontal="center" vertical="center" wrapText="1" justifyLastLine="1"/>
    </xf>
    <xf numFmtId="0" fontId="14" fillId="0" borderId="123" xfId="5" applyFont="1" applyFill="1" applyBorder="1" applyAlignment="1" applyProtection="1">
      <alignment horizontal="center" vertical="center" wrapText="1" justifyLastLine="1"/>
    </xf>
    <xf numFmtId="0" fontId="14" fillId="0" borderId="14" xfId="5" applyFont="1" applyFill="1" applyBorder="1" applyAlignment="1" applyProtection="1">
      <alignment horizontal="center" vertical="center" wrapText="1" justifyLastLine="1"/>
    </xf>
    <xf numFmtId="0" fontId="14" fillId="0" borderId="49" xfId="5" applyFont="1" applyFill="1" applyBorder="1" applyAlignment="1" applyProtection="1">
      <alignment horizontal="center" vertical="center" wrapText="1" justifyLastLine="1"/>
    </xf>
    <xf numFmtId="0" fontId="14" fillId="0" borderId="138" xfId="5" applyFont="1" applyFill="1" applyBorder="1" applyAlignment="1" applyProtection="1">
      <alignment horizontal="center" vertical="center" wrapText="1" justifyLastLine="1"/>
    </xf>
    <xf numFmtId="0" fontId="14" fillId="0" borderId="193" xfId="5" applyFont="1" applyFill="1" applyBorder="1" applyAlignment="1" applyProtection="1">
      <alignment horizontal="center" vertical="center" wrapText="1" justifyLastLine="1"/>
    </xf>
    <xf numFmtId="38" fontId="14" fillId="0" borderId="24" xfId="6" applyFont="1" applyFill="1" applyBorder="1" applyAlignment="1" applyProtection="1">
      <alignment horizontal="center" vertical="center"/>
    </xf>
    <xf numFmtId="38" fontId="14" fillId="0" borderId="204" xfId="6" applyFont="1" applyFill="1" applyBorder="1" applyAlignment="1" applyProtection="1">
      <alignment horizontal="center" vertical="center"/>
    </xf>
    <xf numFmtId="0" fontId="14" fillId="0" borderId="80" xfId="5" applyFont="1" applyFill="1" applyBorder="1" applyAlignment="1" applyProtection="1">
      <alignment horizontal="center" vertical="center" wrapText="1"/>
    </xf>
    <xf numFmtId="0" fontId="14" fillId="0" borderId="14" xfId="5" applyFont="1" applyFill="1" applyBorder="1" applyAlignment="1" applyProtection="1">
      <alignment horizontal="center" vertical="center" wrapText="1"/>
    </xf>
    <xf numFmtId="0" fontId="14" fillId="0" borderId="19" xfId="5" applyFont="1" applyFill="1" applyBorder="1" applyAlignment="1" applyProtection="1">
      <alignment horizontal="center" vertical="center" wrapText="1"/>
    </xf>
    <xf numFmtId="0" fontId="14" fillId="0" borderId="63" xfId="5" applyFont="1" applyFill="1" applyBorder="1" applyAlignment="1" applyProtection="1">
      <alignment horizontal="center" vertical="center" wrapText="1"/>
    </xf>
    <xf numFmtId="0" fontId="14" fillId="0" borderId="186" xfId="5" applyFont="1" applyFill="1" applyBorder="1" applyAlignment="1" applyProtection="1">
      <alignment horizontal="distributed" vertical="center" justifyLastLine="1"/>
    </xf>
    <xf numFmtId="0" fontId="14" fillId="0" borderId="187" xfId="5" applyFont="1" applyFill="1" applyBorder="1" applyAlignment="1">
      <alignment horizontal="distributed" vertical="center" justifyLastLine="1"/>
    </xf>
    <xf numFmtId="0" fontId="14" fillId="0" borderId="186" xfId="5" applyFont="1" applyFill="1" applyBorder="1" applyAlignment="1">
      <alignment horizontal="center" vertical="center" justifyLastLine="1"/>
    </xf>
    <xf numFmtId="0" fontId="14" fillId="0" borderId="188" xfId="5" applyFont="1" applyFill="1" applyBorder="1" applyAlignment="1">
      <alignment horizontal="center" vertical="center" justifyLastLine="1"/>
    </xf>
    <xf numFmtId="0" fontId="14" fillId="0" borderId="77" xfId="5" applyFont="1" applyFill="1" applyBorder="1" applyAlignment="1" applyProtection="1">
      <alignment horizontal="center" vertical="center"/>
    </xf>
    <xf numFmtId="0" fontId="14" fillId="0" borderId="184" xfId="5" applyFont="1" applyFill="1" applyBorder="1" applyAlignment="1" applyProtection="1">
      <alignment horizontal="center" vertical="center"/>
    </xf>
    <xf numFmtId="0" fontId="14" fillId="0" borderId="189" xfId="5" applyFont="1" applyFill="1" applyBorder="1" applyAlignment="1" applyProtection="1">
      <alignment horizontal="distributed" vertical="center" justifyLastLine="1"/>
    </xf>
    <xf numFmtId="0" fontId="14" fillId="0" borderId="187" xfId="5" applyFont="1" applyFill="1" applyBorder="1" applyAlignment="1">
      <alignment horizontal="center" vertical="center" justifyLastLine="1"/>
    </xf>
    <xf numFmtId="0" fontId="14" fillId="0" borderId="61" xfId="5" applyFont="1" applyFill="1" applyBorder="1" applyAlignment="1" applyProtection="1">
      <alignment horizontal="distributed" vertical="center" justifyLastLine="1"/>
    </xf>
    <xf numFmtId="0" fontId="14" fillId="0" borderId="0" xfId="5" applyFont="1" applyFill="1" applyBorder="1" applyAlignment="1" applyProtection="1">
      <alignment horizontal="distributed" vertical="center" justifyLastLine="1"/>
    </xf>
    <xf numFmtId="0" fontId="14" fillId="0" borderId="179" xfId="5" applyFont="1" applyFill="1" applyBorder="1" applyAlignment="1" applyProtection="1">
      <alignment horizontal="distributed" vertical="center" justifyLastLine="1"/>
    </xf>
    <xf numFmtId="0" fontId="14" fillId="0" borderId="138" xfId="5" applyFont="1" applyFill="1" applyBorder="1" applyAlignment="1">
      <alignment horizontal="center" vertical="center" justifyLastLine="1"/>
    </xf>
    <xf numFmtId="0" fontId="14" fillId="0" borderId="207" xfId="5" applyFont="1" applyFill="1" applyBorder="1" applyAlignment="1" applyProtection="1">
      <alignment horizontal="center" vertical="center"/>
    </xf>
    <xf numFmtId="0" fontId="14" fillId="0" borderId="206" xfId="5" applyFont="1" applyFill="1" applyBorder="1" applyAlignment="1" applyProtection="1">
      <alignment horizontal="center" vertical="center"/>
    </xf>
    <xf numFmtId="0" fontId="14" fillId="0" borderId="205" xfId="5" applyFont="1" applyFill="1" applyBorder="1" applyAlignment="1" applyProtection="1">
      <alignment horizontal="center" vertical="center"/>
    </xf>
    <xf numFmtId="0" fontId="14" fillId="0" borderId="201" xfId="5" applyFont="1" applyFill="1" applyBorder="1" applyAlignment="1" applyProtection="1">
      <alignment horizontal="distributed" vertical="center" justifyLastLine="1"/>
    </xf>
    <xf numFmtId="0" fontId="14" fillId="0" borderId="138" xfId="5" applyFont="1" applyFill="1" applyBorder="1" applyAlignment="1" applyProtection="1">
      <alignment horizontal="distributed" vertical="center" justifyLastLine="1"/>
    </xf>
    <xf numFmtId="0" fontId="14" fillId="0" borderId="125" xfId="5" applyFont="1" applyFill="1" applyBorder="1" applyAlignment="1">
      <alignment horizontal="distributed" justifyLastLine="1"/>
    </xf>
    <xf numFmtId="0" fontId="14" fillId="0" borderId="65" xfId="5" applyFont="1" applyFill="1" applyBorder="1" applyAlignment="1">
      <alignment horizontal="distributed" justifyLastLine="1"/>
    </xf>
    <xf numFmtId="0" fontId="14" fillId="0" borderId="188" xfId="5" applyFont="1" applyFill="1" applyBorder="1" applyAlignment="1">
      <alignment horizontal="distributed" vertical="center" justifyLastLine="1"/>
    </xf>
    <xf numFmtId="0" fontId="14" fillId="0" borderId="185" xfId="5" applyFont="1" applyFill="1" applyBorder="1" applyAlignment="1">
      <alignment horizontal="distributed" vertical="center" justifyLastLine="1"/>
    </xf>
    <xf numFmtId="0" fontId="14" fillId="0" borderId="26" xfId="5" applyFont="1" applyFill="1" applyBorder="1" applyAlignment="1" applyProtection="1">
      <alignment horizontal="distributed" vertical="center" justifyLastLine="1"/>
    </xf>
    <xf numFmtId="0" fontId="14" fillId="0" borderId="79" xfId="5" applyFont="1" applyFill="1" applyBorder="1" applyAlignment="1" applyProtection="1">
      <alignment horizontal="distributed" vertical="center" justifyLastLine="1"/>
    </xf>
    <xf numFmtId="0" fontId="14" fillId="0" borderId="195" xfId="5" applyFont="1" applyFill="1" applyBorder="1" applyAlignment="1" applyProtection="1">
      <alignment horizontal="distributed" vertical="center" justifyLastLine="1"/>
    </xf>
    <xf numFmtId="0" fontId="14" fillId="0" borderId="203" xfId="5" applyFont="1" applyFill="1" applyBorder="1" applyAlignment="1" applyProtection="1">
      <alignment horizontal="distributed" vertical="center" justifyLastLine="1"/>
    </xf>
    <xf numFmtId="0" fontId="14" fillId="0" borderId="202" xfId="5" applyFont="1" applyFill="1" applyBorder="1" applyAlignment="1" applyProtection="1">
      <alignment horizontal="distributed" vertical="center" justifyLastLine="1"/>
    </xf>
    <xf numFmtId="0" fontId="14" fillId="0" borderId="8" xfId="5" applyFont="1" applyFill="1" applyBorder="1" applyAlignment="1" applyProtection="1">
      <alignment horizontal="distributed" vertical="center" justifyLastLine="1"/>
    </xf>
    <xf numFmtId="0" fontId="14" fillId="0" borderId="42" xfId="5" applyFont="1" applyFill="1" applyBorder="1" applyAlignment="1" applyProtection="1">
      <alignment horizontal="distributed" vertical="center" justifyLastLine="1"/>
    </xf>
    <xf numFmtId="0" fontId="14" fillId="0" borderId="4" xfId="5" applyFont="1" applyFill="1" applyBorder="1" applyAlignment="1" applyProtection="1">
      <alignment horizontal="distributed" vertical="center" justifyLastLine="1"/>
    </xf>
    <xf numFmtId="0" fontId="14" fillId="0" borderId="199" xfId="5" applyFont="1" applyFill="1" applyBorder="1" applyAlignment="1" applyProtection="1">
      <alignment horizontal="distributed" vertical="center" justifyLastLine="1"/>
    </xf>
    <xf numFmtId="0" fontId="14" fillId="0" borderId="184" xfId="5" applyFont="1" applyFill="1" applyBorder="1" applyAlignment="1" applyProtection="1">
      <alignment horizontal="distributed" vertical="center" justifyLastLine="1"/>
    </xf>
    <xf numFmtId="0" fontId="14" fillId="0" borderId="197" xfId="5" applyFont="1" applyFill="1" applyBorder="1" applyAlignment="1">
      <alignment horizontal="distributed" vertical="center" justifyLastLine="1"/>
    </xf>
    <xf numFmtId="0" fontId="6" fillId="0" borderId="11" xfId="5" applyFont="1" applyFill="1" applyBorder="1" applyAlignment="1" applyProtection="1">
      <alignment horizontal="center" vertical="center" wrapText="1" justifyLastLine="1"/>
    </xf>
    <xf numFmtId="0" fontId="6" fillId="0" borderId="19" xfId="5" applyFont="1" applyFill="1" applyBorder="1" applyAlignment="1" applyProtection="1">
      <alignment horizontal="center" vertical="center" wrapText="1" justifyLastLine="1"/>
    </xf>
    <xf numFmtId="0" fontId="14" fillId="0" borderId="11" xfId="5" applyFont="1" applyFill="1" applyBorder="1" applyAlignment="1" applyProtection="1">
      <alignment horizontal="center" vertical="center" justifyLastLine="1"/>
    </xf>
    <xf numFmtId="0" fontId="14" fillId="0" borderId="75" xfId="5" applyFont="1" applyFill="1" applyBorder="1" applyAlignment="1" applyProtection="1">
      <alignment horizontal="center" vertical="center" justifyLastLine="1"/>
    </xf>
    <xf numFmtId="0" fontId="14" fillId="0" borderId="11" xfId="5" applyFont="1" applyFill="1" applyBorder="1" applyAlignment="1" applyProtection="1">
      <alignment horizontal="center" vertical="center"/>
    </xf>
    <xf numFmtId="0" fontId="14" fillId="0" borderId="9" xfId="5" applyFont="1" applyFill="1" applyBorder="1" applyAlignment="1" applyProtection="1">
      <alignment horizontal="center" vertical="center"/>
    </xf>
    <xf numFmtId="0" fontId="2" fillId="0" borderId="75" xfId="5" applyFill="1" applyBorder="1" applyAlignment="1">
      <alignment horizontal="center" vertical="center"/>
    </xf>
    <xf numFmtId="0" fontId="2" fillId="0" borderId="138" xfId="5" applyFill="1" applyBorder="1" applyAlignment="1">
      <alignment horizontal="center" vertical="center"/>
    </xf>
    <xf numFmtId="0" fontId="2" fillId="0" borderId="193" xfId="5" applyFill="1" applyBorder="1" applyAlignment="1">
      <alignment horizontal="center" vertical="center"/>
    </xf>
    <xf numFmtId="0" fontId="14" fillId="0" borderId="201" xfId="5" applyFont="1" applyFill="1" applyBorder="1" applyAlignment="1" applyProtection="1">
      <alignment horizontal="center" vertical="center" justifyLastLine="1"/>
    </xf>
    <xf numFmtId="0" fontId="14" fillId="0" borderId="173" xfId="5" applyFont="1" applyFill="1" applyBorder="1" applyAlignment="1" applyProtection="1">
      <alignment horizontal="center" vertical="center" justifyLastLine="1"/>
    </xf>
    <xf numFmtId="0" fontId="14" fillId="0" borderId="237" xfId="5" applyFont="1" applyFill="1" applyBorder="1" applyAlignment="1" applyProtection="1">
      <alignment horizontal="distributed" vertical="center" justifyLastLine="1"/>
    </xf>
    <xf numFmtId="0" fontId="14" fillId="0" borderId="183" xfId="5" applyFont="1" applyFill="1" applyBorder="1" applyAlignment="1">
      <alignment horizontal="distributed" vertical="center" justifyLastLine="1"/>
    </xf>
    <xf numFmtId="0" fontId="14" fillId="0" borderId="254" xfId="5" applyFont="1" applyFill="1" applyBorder="1" applyAlignment="1" applyProtection="1">
      <alignment horizontal="center" vertical="center" wrapText="1"/>
    </xf>
    <xf numFmtId="0" fontId="14" fillId="0" borderId="255" xfId="5" applyFont="1" applyFill="1" applyBorder="1" applyAlignment="1" applyProtection="1">
      <alignment horizontal="center" vertical="center" wrapText="1"/>
    </xf>
    <xf numFmtId="0" fontId="14" fillId="0" borderId="134" xfId="5" applyFont="1" applyFill="1" applyBorder="1" applyAlignment="1" applyProtection="1">
      <alignment horizontal="center" vertical="center" wrapText="1"/>
    </xf>
    <xf numFmtId="0" fontId="14" fillId="0" borderId="252" xfId="5" applyFont="1" applyFill="1" applyBorder="1" applyAlignment="1" applyProtection="1">
      <alignment horizontal="center" vertical="center" wrapText="1"/>
    </xf>
    <xf numFmtId="0" fontId="14" fillId="0" borderId="137" xfId="5" applyFont="1" applyFill="1" applyBorder="1" applyAlignment="1" applyProtection="1">
      <alignment horizontal="center" vertical="center" wrapText="1"/>
    </xf>
    <xf numFmtId="0" fontId="14" fillId="0" borderId="196" xfId="5" applyFont="1" applyFill="1" applyBorder="1" applyAlignment="1" applyProtection="1">
      <alignment horizontal="center" vertical="center" wrapText="1"/>
    </xf>
    <xf numFmtId="0" fontId="14" fillId="0" borderId="80" xfId="5" applyFont="1" applyFill="1" applyBorder="1" applyAlignment="1" applyProtection="1">
      <alignment horizontal="center"/>
    </xf>
    <xf numFmtId="0" fontId="14" fillId="0" borderId="61" xfId="5" applyFont="1" applyFill="1" applyBorder="1" applyAlignment="1" applyProtection="1">
      <alignment horizontal="center"/>
    </xf>
    <xf numFmtId="0" fontId="14" fillId="0" borderId="207" xfId="5" applyFont="1" applyFill="1" applyBorder="1" applyAlignment="1" applyProtection="1">
      <alignment horizontal="center"/>
    </xf>
    <xf numFmtId="0" fontId="14" fillId="0" borderId="206" xfId="5" applyFont="1" applyFill="1" applyBorder="1" applyAlignment="1" applyProtection="1">
      <alignment horizontal="center"/>
    </xf>
    <xf numFmtId="0" fontId="14" fillId="0" borderId="205" xfId="5" applyFont="1" applyFill="1" applyBorder="1" applyAlignment="1" applyProtection="1">
      <alignment horizontal="center"/>
    </xf>
    <xf numFmtId="0" fontId="14" fillId="0" borderId="253" xfId="5" applyFont="1" applyFill="1" applyBorder="1" applyAlignment="1" applyProtection="1">
      <alignment horizontal="distributed" vertical="center" justifyLastLine="1"/>
    </xf>
    <xf numFmtId="0" fontId="14" fillId="0" borderId="193" xfId="5" applyFont="1" applyFill="1" applyBorder="1" applyAlignment="1" applyProtection="1">
      <alignment horizontal="distributed" vertical="center" justifyLastLine="1"/>
    </xf>
    <xf numFmtId="0" fontId="14" fillId="0" borderId="255" xfId="5" applyFont="1" applyFill="1" applyBorder="1" applyAlignment="1" applyProtection="1">
      <alignment horizontal="distributed" vertical="center" justifyLastLine="1"/>
    </xf>
    <xf numFmtId="0" fontId="14" fillId="0" borderId="252" xfId="5" applyFont="1" applyFill="1" applyBorder="1" applyAlignment="1" applyProtection="1">
      <alignment horizontal="distributed" vertical="center" justifyLastLine="1"/>
    </xf>
    <xf numFmtId="0" fontId="14" fillId="0" borderId="80" xfId="5" applyFont="1" applyFill="1" applyBorder="1" applyAlignment="1" applyProtection="1">
      <alignment horizontal="center" wrapText="1"/>
    </xf>
    <xf numFmtId="0" fontId="14" fillId="0" borderId="61" xfId="5" applyFont="1" applyFill="1" applyBorder="1" applyAlignment="1" applyProtection="1">
      <alignment horizontal="center" wrapText="1"/>
    </xf>
    <xf numFmtId="0" fontId="14" fillId="0" borderId="14" xfId="5" applyFont="1" applyFill="1" applyBorder="1" applyAlignment="1" applyProtection="1">
      <alignment horizontal="center" wrapText="1"/>
    </xf>
    <xf numFmtId="0" fontId="14" fillId="0" borderId="0" xfId="5" applyFont="1" applyFill="1" applyBorder="1" applyAlignment="1" applyProtection="1">
      <alignment horizontal="center" wrapText="1"/>
    </xf>
    <xf numFmtId="0" fontId="14" fillId="0" borderId="138" xfId="5" applyFont="1" applyFill="1" applyBorder="1" applyAlignment="1" applyProtection="1">
      <alignment horizontal="center" wrapText="1"/>
    </xf>
    <xf numFmtId="0" fontId="14" fillId="0" borderId="140" xfId="5" applyFont="1" applyFill="1" applyBorder="1" applyAlignment="1" applyProtection="1">
      <alignment horizontal="center" wrapText="1"/>
    </xf>
    <xf numFmtId="0" fontId="14" fillId="0" borderId="62" xfId="5" applyFont="1" applyFill="1" applyBorder="1" applyAlignment="1" applyProtection="1">
      <alignment horizontal="center"/>
    </xf>
    <xf numFmtId="0" fontId="14" fillId="0" borderId="24" xfId="5" applyFont="1" applyFill="1" applyBorder="1" applyAlignment="1" applyProtection="1">
      <alignment horizontal="center"/>
    </xf>
    <xf numFmtId="0" fontId="14" fillId="0" borderId="204" xfId="5" applyFont="1" applyFill="1" applyBorder="1" applyAlignment="1" applyProtection="1">
      <alignment horizontal="center"/>
    </xf>
    <xf numFmtId="0" fontId="6" fillId="0" borderId="198" xfId="5" applyFont="1" applyFill="1" applyBorder="1" applyAlignment="1" applyProtection="1">
      <alignment horizontal="center" vertical="justify" wrapText="1"/>
    </xf>
    <xf numFmtId="0" fontId="6" fillId="0" borderId="149" xfId="5" applyFont="1" applyFill="1" applyBorder="1" applyAlignment="1" applyProtection="1">
      <alignment horizontal="center" vertical="justify" wrapText="1"/>
    </xf>
    <xf numFmtId="0" fontId="14" fillId="0" borderId="75" xfId="5" applyFont="1" applyFill="1" applyBorder="1" applyAlignment="1" applyProtection="1">
      <alignment horizontal="center" vertical="center"/>
    </xf>
    <xf numFmtId="0" fontId="14" fillId="0" borderId="193" xfId="5" applyFont="1" applyFill="1" applyBorder="1" applyAlignment="1" applyProtection="1">
      <alignment horizontal="center" vertical="center"/>
    </xf>
    <xf numFmtId="0" fontId="14" fillId="0" borderId="240" xfId="5" applyFont="1" applyFill="1" applyBorder="1" applyAlignment="1" applyProtection="1">
      <alignment horizontal="center" vertical="center"/>
    </xf>
    <xf numFmtId="0" fontId="2" fillId="0" borderId="9" xfId="5" applyFill="1" applyBorder="1" applyAlignment="1">
      <alignment horizontal="center" vertical="center"/>
    </xf>
    <xf numFmtId="0" fontId="2" fillId="0" borderId="239" xfId="5" applyFill="1" applyBorder="1" applyAlignment="1">
      <alignment horizontal="center" vertical="center"/>
    </xf>
    <xf numFmtId="0" fontId="2" fillId="0" borderId="219" xfId="5" applyFill="1" applyBorder="1" applyAlignment="1">
      <alignment horizontal="center" vertical="center"/>
    </xf>
    <xf numFmtId="0" fontId="14" fillId="0" borderId="186" xfId="5" applyFont="1" applyFill="1" applyBorder="1" applyAlignment="1">
      <alignment horizontal="center" vertical="center"/>
    </xf>
    <xf numFmtId="0" fontId="14" fillId="0" borderId="197" xfId="5" applyFont="1" applyFill="1" applyBorder="1" applyAlignment="1">
      <alignment horizontal="center" vertical="center"/>
    </xf>
    <xf numFmtId="0" fontId="14" fillId="0" borderId="183" xfId="5" applyFont="1" applyFill="1" applyBorder="1" applyAlignment="1" applyProtection="1">
      <alignment horizontal="distributed" vertical="center" justifyLastLine="1"/>
    </xf>
    <xf numFmtId="0" fontId="14" fillId="0" borderId="123" xfId="5" applyFont="1" applyFill="1" applyBorder="1" applyAlignment="1" applyProtection="1">
      <alignment horizontal="center" vertical="center"/>
    </xf>
    <xf numFmtId="0" fontId="14" fillId="0" borderId="218" xfId="5" applyFont="1" applyFill="1" applyBorder="1" applyAlignment="1" applyProtection="1">
      <alignment horizontal="center" vertical="center"/>
    </xf>
    <xf numFmtId="0" fontId="14" fillId="0" borderId="216" xfId="5" applyFont="1" applyFill="1" applyBorder="1" applyAlignment="1" applyProtection="1">
      <alignment horizontal="center" vertical="center"/>
    </xf>
    <xf numFmtId="0" fontId="14" fillId="0" borderId="238" xfId="5" applyFont="1" applyFill="1" applyBorder="1" applyAlignment="1" applyProtection="1">
      <alignment horizontal="distributed" vertical="center" justifyLastLine="1"/>
    </xf>
    <xf numFmtId="0" fontId="14" fillId="0" borderId="176" xfId="5" applyFont="1" applyFill="1" applyBorder="1" applyAlignment="1">
      <alignment horizontal="distributed" vertical="center" justifyLastLine="1"/>
    </xf>
    <xf numFmtId="0" fontId="14" fillId="0" borderId="186" xfId="5" applyFont="1" applyFill="1" applyBorder="1" applyAlignment="1" applyProtection="1">
      <alignment horizontal="distributed" justifyLastLine="1"/>
    </xf>
    <xf numFmtId="0" fontId="14" fillId="0" borderId="188" xfId="5" applyFont="1" applyFill="1" applyBorder="1" applyAlignment="1">
      <alignment horizontal="distributed" justifyLastLine="1"/>
    </xf>
    <xf numFmtId="0" fontId="14" fillId="0" borderId="197" xfId="5" applyFont="1" applyFill="1" applyBorder="1" applyAlignment="1">
      <alignment horizontal="distributed" justifyLastLine="1"/>
    </xf>
    <xf numFmtId="0" fontId="14" fillId="0" borderId="189" xfId="5" applyFont="1" applyFill="1" applyBorder="1" applyAlignment="1" applyProtection="1">
      <alignment horizontal="distributed" justifyLastLine="1"/>
    </xf>
    <xf numFmtId="0" fontId="14" fillId="0" borderId="187" xfId="5" applyFont="1" applyFill="1" applyBorder="1" applyAlignment="1">
      <alignment horizontal="distributed" justifyLastLine="1"/>
    </xf>
    <xf numFmtId="0" fontId="14" fillId="0" borderId="185" xfId="5" applyFont="1" applyFill="1" applyBorder="1" applyAlignment="1">
      <alignment horizontal="distributed" justifyLastLine="1"/>
    </xf>
    <xf numFmtId="0" fontId="14" fillId="0" borderId="22" xfId="5" applyFont="1" applyFill="1" applyBorder="1" applyAlignment="1">
      <alignment horizontal="distributed" vertical="center" justifyLastLine="1"/>
    </xf>
    <xf numFmtId="0" fontId="14" fillId="0" borderId="48" xfId="5" applyFont="1" applyFill="1" applyBorder="1" applyAlignment="1">
      <alignment horizontal="distributed" vertical="center" justifyLastLine="1"/>
    </xf>
    <xf numFmtId="0" fontId="14" fillId="0" borderId="62" xfId="5" applyFont="1" applyFill="1" applyBorder="1" applyAlignment="1">
      <alignment horizontal="center"/>
    </xf>
    <xf numFmtId="0" fontId="14" fillId="0" borderId="24" xfId="5" applyFont="1" applyFill="1" applyBorder="1" applyAlignment="1">
      <alignment horizontal="center"/>
    </xf>
    <xf numFmtId="0" fontId="14" fillId="0" borderId="34" xfId="5" applyFont="1" applyFill="1" applyBorder="1" applyAlignment="1">
      <alignment horizontal="distributed" vertical="center" justifyLastLine="1"/>
    </xf>
    <xf numFmtId="0" fontId="14" fillId="0" borderId="35" xfId="5" applyFont="1" applyFill="1" applyBorder="1" applyAlignment="1">
      <alignment horizontal="distributed" vertical="center" justifyLastLine="1"/>
    </xf>
    <xf numFmtId="0" fontId="14" fillId="0" borderId="25" xfId="5" applyFont="1" applyFill="1" applyBorder="1" applyAlignment="1" applyProtection="1">
      <alignment horizontal="center"/>
    </xf>
    <xf numFmtId="0" fontId="6" fillId="0" borderId="156" xfId="5" applyFont="1" applyFill="1" applyBorder="1" applyAlignment="1" applyProtection="1">
      <alignment horizontal="distributed" vertical="center" wrapText="1" justifyLastLine="1"/>
    </xf>
    <xf numFmtId="0" fontId="6" fillId="0" borderId="176" xfId="5" applyFont="1" applyFill="1" applyBorder="1" applyAlignment="1" applyProtection="1">
      <alignment horizontal="distributed" vertical="center" wrapText="1" justifyLastLine="1"/>
    </xf>
    <xf numFmtId="0" fontId="14" fillId="0" borderId="210" xfId="5" applyFont="1" applyFill="1" applyBorder="1" applyAlignment="1">
      <alignment horizontal="distributed" vertical="center" justifyLastLine="1"/>
    </xf>
    <xf numFmtId="0" fontId="14" fillId="0" borderId="23" xfId="5" applyFont="1" applyFill="1" applyBorder="1" applyAlignment="1">
      <alignment horizontal="distributed" vertical="center" justifyLastLine="1"/>
    </xf>
    <xf numFmtId="0" fontId="14" fillId="0" borderId="128" xfId="5" applyFont="1" applyFill="1" applyBorder="1" applyAlignment="1">
      <alignment horizontal="distributed" vertical="center" justifyLastLine="1"/>
    </xf>
    <xf numFmtId="0" fontId="14" fillId="0" borderId="124" xfId="5" applyFont="1" applyFill="1" applyBorder="1" applyAlignment="1">
      <alignment horizontal="distributed" vertical="center" justifyLastLine="1"/>
    </xf>
    <xf numFmtId="0" fontId="14" fillId="0" borderId="179" xfId="5" applyFont="1" applyFill="1" applyBorder="1" applyAlignment="1" applyProtection="1">
      <alignment horizontal="center" vertical="center"/>
    </xf>
    <xf numFmtId="0" fontId="14" fillId="0" borderId="76" xfId="5" applyFont="1" applyFill="1" applyBorder="1" applyAlignment="1">
      <alignment horizontal="center" vertical="center"/>
    </xf>
    <xf numFmtId="0" fontId="14" fillId="0" borderId="21" xfId="5" applyFont="1" applyFill="1" applyBorder="1" applyAlignment="1">
      <alignment horizontal="center" vertical="center"/>
    </xf>
    <xf numFmtId="0" fontId="14" fillId="0" borderId="0" xfId="5" applyFont="1" applyFill="1" applyBorder="1" applyAlignment="1">
      <alignment horizontal="center" vertical="center"/>
    </xf>
    <xf numFmtId="0" fontId="14" fillId="0" borderId="26" xfId="5" applyFont="1" applyFill="1" applyBorder="1" applyAlignment="1">
      <alignment horizontal="center" vertical="center"/>
    </xf>
    <xf numFmtId="0" fontId="14" fillId="0" borderId="30" xfId="5" applyFont="1" applyFill="1" applyBorder="1" applyAlignment="1">
      <alignment horizontal="center" vertical="center"/>
    </xf>
    <xf numFmtId="0" fontId="14" fillId="0" borderId="123" xfId="5" applyFont="1" applyFill="1" applyBorder="1" applyAlignment="1" applyProtection="1">
      <alignment horizontal="center" vertical="center" wrapText="1"/>
    </xf>
    <xf numFmtId="0" fontId="14" fillId="0" borderId="49" xfId="5" applyFont="1" applyFill="1" applyBorder="1" applyAlignment="1" applyProtection="1">
      <alignment horizontal="center" vertical="center" wrapText="1"/>
    </xf>
    <xf numFmtId="0" fontId="14" fillId="0" borderId="138" xfId="5" applyFont="1" applyFill="1" applyBorder="1" applyAlignment="1" applyProtection="1">
      <alignment horizontal="center" vertical="center" wrapText="1"/>
    </xf>
    <xf numFmtId="0" fontId="14" fillId="0" borderId="193" xfId="5" applyFont="1" applyFill="1" applyBorder="1" applyAlignment="1" applyProtection="1">
      <alignment horizontal="center" vertical="center" wrapText="1"/>
    </xf>
    <xf numFmtId="0" fontId="14" fillId="0" borderId="11" xfId="5" applyFont="1" applyFill="1" applyBorder="1" applyAlignment="1" applyProtection="1">
      <alignment horizontal="distributed" vertical="center" justifyLastLine="1"/>
    </xf>
    <xf numFmtId="0" fontId="14" fillId="0" borderId="9" xfId="5" applyFont="1" applyFill="1" applyBorder="1" applyAlignment="1" applyProtection="1">
      <alignment horizontal="distributed" vertical="center" justifyLastLine="1"/>
    </xf>
    <xf numFmtId="0" fontId="14" fillId="0" borderId="140" xfId="5" applyFont="1" applyFill="1" applyBorder="1" applyAlignment="1">
      <alignment horizontal="center" vertical="center" justifyLastLine="1"/>
    </xf>
    <xf numFmtId="0" fontId="14" fillId="0" borderId="71" xfId="5" applyFont="1" applyFill="1" applyBorder="1" applyAlignment="1">
      <alignment horizontal="distributed" vertical="center" justifyLastLine="1"/>
    </xf>
    <xf numFmtId="0" fontId="14" fillId="0" borderId="208" xfId="5" applyFont="1" applyFill="1" applyBorder="1" applyAlignment="1">
      <alignment horizontal="distributed" vertical="center" justifyLastLine="1"/>
    </xf>
    <xf numFmtId="0" fontId="14" fillId="0" borderId="185" xfId="5" applyFont="1" applyFill="1" applyBorder="1" applyAlignment="1">
      <alignment horizontal="center" vertical="center" justifyLastLine="1"/>
    </xf>
    <xf numFmtId="0" fontId="14" fillId="0" borderId="214" xfId="5" applyFont="1" applyFill="1" applyBorder="1" applyAlignment="1">
      <alignment horizontal="distributed" vertical="center" justifyLastLine="1"/>
    </xf>
    <xf numFmtId="0" fontId="14" fillId="0" borderId="50" xfId="5" applyFont="1" applyFill="1" applyBorder="1" applyAlignment="1">
      <alignment horizontal="distributed" vertical="center" justifyLastLine="1"/>
    </xf>
    <xf numFmtId="0" fontId="14" fillId="0" borderId="8" xfId="5" applyFont="1" applyFill="1" applyBorder="1" applyAlignment="1" applyProtection="1">
      <alignment horizontal="center" vertical="center"/>
    </xf>
    <xf numFmtId="0" fontId="14" fillId="0" borderId="42" xfId="5" applyFont="1" applyFill="1" applyBorder="1" applyAlignment="1" applyProtection="1">
      <alignment horizontal="center" vertical="center"/>
    </xf>
    <xf numFmtId="0" fontId="2" fillId="0" borderId="42" xfId="5" applyFill="1" applyBorder="1" applyAlignment="1">
      <alignment horizontal="center" vertical="center"/>
    </xf>
    <xf numFmtId="0" fontId="2" fillId="0" borderId="4" xfId="5" applyFill="1" applyBorder="1" applyAlignment="1">
      <alignment horizontal="center" vertical="center"/>
    </xf>
    <xf numFmtId="0" fontId="14" fillId="0" borderId="218" xfId="5" applyFont="1" applyFill="1" applyBorder="1" applyAlignment="1" applyProtection="1">
      <alignment horizontal="center" vertical="center" justifyLastLine="1"/>
    </xf>
    <xf numFmtId="0" fontId="14" fillId="0" borderId="216" xfId="5" applyFont="1" applyFill="1" applyBorder="1" applyAlignment="1" applyProtection="1">
      <alignment horizontal="center" vertical="center" justifyLastLine="1"/>
    </xf>
    <xf numFmtId="0" fontId="14" fillId="0" borderId="220" xfId="5" applyFont="1" applyFill="1" applyBorder="1" applyAlignment="1">
      <alignment horizontal="distributed" vertical="center" justifyLastLine="1"/>
    </xf>
    <xf numFmtId="0" fontId="14" fillId="0" borderId="219" xfId="5" applyFont="1" applyFill="1" applyBorder="1" applyAlignment="1">
      <alignment horizontal="distributed" vertical="center" justifyLastLine="1"/>
    </xf>
    <xf numFmtId="0" fontId="14" fillId="0" borderId="14" xfId="5" applyFont="1" applyFill="1" applyBorder="1" applyAlignment="1" applyProtection="1">
      <alignment horizontal="distributed" vertical="center" justifyLastLine="1"/>
    </xf>
    <xf numFmtId="0" fontId="14" fillId="0" borderId="20" xfId="5" applyFont="1" applyFill="1" applyBorder="1" applyAlignment="1">
      <alignment horizontal="distributed" vertical="center" justifyLastLine="1"/>
    </xf>
    <xf numFmtId="0" fontId="14" fillId="0" borderId="49" xfId="5" applyFont="1" applyFill="1" applyBorder="1" applyAlignment="1">
      <alignment horizontal="distributed" vertical="center" justifyLastLine="1"/>
    </xf>
    <xf numFmtId="0" fontId="14" fillId="0" borderId="217" xfId="5" applyFont="1" applyFill="1" applyBorder="1" applyAlignment="1" applyProtection="1">
      <alignment horizontal="center" vertical="center" justifyLastLine="1"/>
    </xf>
    <xf numFmtId="0" fontId="14" fillId="0" borderId="215" xfId="5" applyFont="1" applyFill="1" applyBorder="1" applyAlignment="1" applyProtection="1">
      <alignment horizontal="center" vertical="center" justifyLastLine="1"/>
    </xf>
    <xf numFmtId="0" fontId="14" fillId="0" borderId="122" xfId="5" applyFont="1" applyFill="1" applyBorder="1" applyAlignment="1" applyProtection="1">
      <alignment horizontal="center" vertical="center"/>
    </xf>
    <xf numFmtId="0" fontId="14" fillId="0" borderId="223" xfId="5" applyFont="1" applyFill="1" applyBorder="1" applyAlignment="1" applyProtection="1">
      <alignment horizontal="center" vertical="center"/>
    </xf>
    <xf numFmtId="0" fontId="14" fillId="0" borderId="222" xfId="5" applyFont="1" applyFill="1" applyBorder="1" applyAlignment="1" applyProtection="1">
      <alignment horizontal="center" vertical="center"/>
    </xf>
    <xf numFmtId="0" fontId="14" fillId="0" borderId="221" xfId="5" applyFont="1" applyFill="1" applyBorder="1" applyAlignment="1" applyProtection="1">
      <alignment horizontal="center" vertical="center"/>
    </xf>
    <xf numFmtId="0" fontId="14" fillId="0" borderId="218" xfId="5" applyFont="1" applyFill="1" applyBorder="1" applyAlignment="1" applyProtection="1">
      <alignment horizontal="distributed" vertical="center" justifyLastLine="1"/>
    </xf>
    <xf numFmtId="0" fontId="14" fillId="0" borderId="216" xfId="5" applyFont="1" applyFill="1" applyBorder="1" applyAlignment="1" applyProtection="1">
      <alignment horizontal="distributed" vertical="center" justifyLastLine="1"/>
    </xf>
    <xf numFmtId="0" fontId="11" fillId="0" borderId="22" xfId="5" applyFont="1" applyFill="1" applyBorder="1" applyAlignment="1">
      <alignment horizontal="distributed" justifyLastLine="1"/>
    </xf>
    <xf numFmtId="0" fontId="11" fillId="0" borderId="125" xfId="5" applyFont="1" applyFill="1" applyBorder="1" applyAlignment="1">
      <alignment horizontal="distributed" justifyLastLine="1"/>
    </xf>
    <xf numFmtId="0" fontId="11" fillId="0" borderId="76" xfId="5" applyFont="1" applyFill="1" applyBorder="1" applyAlignment="1" applyProtection="1">
      <alignment horizontal="distributed" vertical="center" justifyLastLine="1"/>
    </xf>
    <xf numFmtId="0" fontId="11" fillId="0" borderId="123" xfId="5" applyFont="1" applyFill="1" applyBorder="1" applyAlignment="1" applyProtection="1">
      <alignment horizontal="distributed" vertical="center" justifyLastLine="1"/>
    </xf>
    <xf numFmtId="0" fontId="11" fillId="0" borderId="166" xfId="5" applyFont="1" applyFill="1" applyBorder="1" applyAlignment="1" applyProtection="1">
      <alignment horizontal="distributed" vertical="center" justifyLastLine="1"/>
    </xf>
    <xf numFmtId="0" fontId="11" fillId="0" borderId="170" xfId="5" applyFont="1" applyFill="1" applyBorder="1" applyAlignment="1" applyProtection="1">
      <alignment horizontal="distributed" vertical="center" justifyLastLine="1"/>
    </xf>
    <xf numFmtId="0" fontId="11" fillId="0" borderId="34" xfId="5" applyFont="1" applyFill="1" applyBorder="1" applyAlignment="1">
      <alignment horizontal="distributed" justifyLastLine="1"/>
    </xf>
    <xf numFmtId="0" fontId="11" fillId="0" borderId="65" xfId="5" applyFont="1" applyFill="1" applyBorder="1" applyAlignment="1">
      <alignment horizontal="distributed" justifyLastLine="1"/>
    </xf>
    <xf numFmtId="0" fontId="6" fillId="0" borderId="0" xfId="5" applyFont="1" applyFill="1" applyBorder="1" applyAlignment="1">
      <alignment horizontal="center" wrapText="1"/>
    </xf>
    <xf numFmtId="0" fontId="11" fillId="0" borderId="76" xfId="5" applyFont="1" applyFill="1" applyBorder="1" applyAlignment="1">
      <alignment horizontal="distributed" vertical="center"/>
    </xf>
    <xf numFmtId="0" fontId="11" fillId="0" borderId="61" xfId="5" applyFont="1" applyFill="1" applyBorder="1" applyAlignment="1">
      <alignment horizontal="distributed" vertical="center"/>
    </xf>
    <xf numFmtId="0" fontId="11" fillId="0" borderId="21" xfId="5" applyFont="1" applyFill="1" applyBorder="1" applyAlignment="1">
      <alignment horizontal="distributed" vertical="center"/>
    </xf>
    <xf numFmtId="0" fontId="11" fillId="0" borderId="0" xfId="5" applyFont="1" applyFill="1" applyBorder="1" applyAlignment="1">
      <alignment horizontal="distributed" vertical="center"/>
    </xf>
    <xf numFmtId="0" fontId="11" fillId="0" borderId="26" xfId="5" applyFont="1" applyFill="1" applyBorder="1" applyAlignment="1">
      <alignment horizontal="distributed" vertical="center"/>
    </xf>
    <xf numFmtId="0" fontId="11" fillId="0" borderId="30" xfId="5" applyFont="1" applyFill="1" applyBorder="1" applyAlignment="1">
      <alignment horizontal="distributed" vertical="center"/>
    </xf>
    <xf numFmtId="0" fontId="11" fillId="0" borderId="80" xfId="5" applyFont="1" applyFill="1" applyBorder="1" applyAlignment="1">
      <alignment horizontal="center" vertical="center" wrapText="1"/>
    </xf>
    <xf numFmtId="0" fontId="11" fillId="0" borderId="123" xfId="5" applyFont="1" applyFill="1" applyBorder="1" applyAlignment="1">
      <alignment horizontal="center" vertical="center" wrapText="1"/>
    </xf>
    <xf numFmtId="0" fontId="11" fillId="0" borderId="19" xfId="5" applyFont="1" applyFill="1" applyBorder="1" applyAlignment="1">
      <alignment horizontal="center" vertical="center" wrapText="1"/>
    </xf>
    <xf numFmtId="0" fontId="11" fillId="0" borderId="67" xfId="5" applyFont="1" applyFill="1" applyBorder="1" applyAlignment="1">
      <alignment horizontal="center" vertical="center" wrapText="1"/>
    </xf>
    <xf numFmtId="0" fontId="11" fillId="0" borderId="77" xfId="5" applyFont="1" applyFill="1" applyBorder="1" applyAlignment="1">
      <alignment horizontal="center" vertical="center"/>
    </xf>
    <xf numFmtId="0" fontId="11" fillId="0" borderId="19" xfId="5" applyFont="1" applyFill="1" applyBorder="1" applyAlignment="1">
      <alignment horizontal="center" vertical="center"/>
    </xf>
    <xf numFmtId="0" fontId="11" fillId="0" borderId="63" xfId="5" applyFont="1" applyFill="1" applyBorder="1" applyAlignment="1">
      <alignment horizontal="center" vertical="center"/>
    </xf>
    <xf numFmtId="0" fontId="11" fillId="0" borderId="80" xfId="5" applyFont="1" applyFill="1" applyBorder="1" applyAlignment="1">
      <alignment horizontal="center" vertical="center"/>
    </xf>
    <xf numFmtId="0" fontId="11" fillId="0" borderId="123" xfId="5" applyFont="1" applyFill="1" applyBorder="1" applyAlignment="1">
      <alignment horizontal="center" vertical="center"/>
    </xf>
    <xf numFmtId="0" fontId="11" fillId="0" borderId="67" xfId="5" applyFont="1" applyFill="1" applyBorder="1" applyAlignment="1">
      <alignment horizontal="center" vertical="center"/>
    </xf>
    <xf numFmtId="38" fontId="11" fillId="0" borderId="22" xfId="6" applyFont="1" applyFill="1" applyBorder="1" applyAlignment="1">
      <alignment horizontal="distributed" justifyLastLine="1"/>
    </xf>
    <xf numFmtId="0" fontId="11" fillId="0" borderId="48" xfId="5" applyFont="1" applyFill="1" applyBorder="1" applyAlignment="1">
      <alignment horizontal="distributed" justifyLastLine="1"/>
    </xf>
    <xf numFmtId="38" fontId="11" fillId="0" borderId="34" xfId="6" applyFont="1" applyFill="1" applyBorder="1" applyAlignment="1" applyProtection="1">
      <alignment horizontal="distributed" justifyLastLine="1"/>
    </xf>
    <xf numFmtId="0" fontId="11" fillId="0" borderId="35" xfId="5" applyFont="1" applyFill="1" applyBorder="1" applyAlignment="1">
      <alignment horizontal="distributed" justifyLastLine="1"/>
    </xf>
    <xf numFmtId="38" fontId="11" fillId="0" borderId="34" xfId="6" applyFont="1" applyFill="1" applyBorder="1" applyAlignment="1">
      <alignment horizontal="distributed" justifyLastLine="1"/>
    </xf>
    <xf numFmtId="0" fontId="11" fillId="0" borderId="226" xfId="5" applyFont="1" applyFill="1" applyBorder="1" applyAlignment="1">
      <alignment horizontal="center" vertical="center"/>
    </xf>
    <xf numFmtId="0" fontId="11" fillId="0" borderId="225" xfId="5" applyFont="1" applyFill="1" applyBorder="1" applyAlignment="1">
      <alignment horizontal="center" vertical="center"/>
    </xf>
    <xf numFmtId="0" fontId="11" fillId="0" borderId="1" xfId="5" applyFont="1" applyFill="1" applyBorder="1" applyAlignment="1">
      <alignment horizontal="center" vertical="center"/>
    </xf>
    <xf numFmtId="0" fontId="11" fillId="0" borderId="41" xfId="5" applyFont="1" applyFill="1" applyBorder="1" applyAlignment="1">
      <alignment horizontal="center" vertical="center"/>
    </xf>
    <xf numFmtId="0" fontId="11" fillId="0" borderId="226" xfId="5" applyFont="1" applyFill="1" applyBorder="1" applyAlignment="1">
      <alignment horizontal="center" vertical="center" wrapText="1"/>
    </xf>
    <xf numFmtId="38" fontId="11" fillId="0" borderId="53" xfId="6" applyFont="1" applyFill="1" applyBorder="1" applyAlignment="1">
      <alignment horizontal="distributed" justifyLastLine="1"/>
    </xf>
    <xf numFmtId="0" fontId="11" fillId="0" borderId="54" xfId="5" applyFont="1" applyFill="1" applyBorder="1" applyAlignment="1">
      <alignment horizontal="distributed" justifyLastLine="1"/>
    </xf>
    <xf numFmtId="38" fontId="11" fillId="0" borderId="40" xfId="6" applyFont="1" applyFill="1" applyBorder="1" applyAlignment="1">
      <alignment horizontal="distributed" justifyLastLine="1"/>
    </xf>
    <xf numFmtId="0" fontId="11" fillId="0" borderId="1" xfId="5" applyFont="1" applyFill="1" applyBorder="1" applyAlignment="1">
      <alignment horizontal="distributed" justifyLastLine="1"/>
    </xf>
    <xf numFmtId="0" fontId="11" fillId="0" borderId="227" xfId="5" applyFont="1" applyFill="1" applyBorder="1" applyAlignment="1">
      <alignment horizontal="distributed" vertical="center"/>
    </xf>
    <xf numFmtId="0" fontId="11" fillId="0" borderId="226" xfId="5" applyFont="1" applyFill="1" applyBorder="1" applyAlignment="1">
      <alignment horizontal="distributed" vertical="center"/>
    </xf>
    <xf numFmtId="0" fontId="11" fillId="0" borderId="40" xfId="5" applyFont="1" applyFill="1" applyBorder="1" applyAlignment="1">
      <alignment horizontal="distributed" vertical="center"/>
    </xf>
    <xf numFmtId="0" fontId="11" fillId="0" borderId="1" xfId="5" applyFont="1" applyFill="1" applyBorder="1" applyAlignment="1">
      <alignment horizontal="distributed" vertical="center"/>
    </xf>
    <xf numFmtId="0" fontId="11" fillId="0" borderId="33" xfId="5" applyFont="1" applyFill="1" applyBorder="1" applyAlignment="1">
      <alignment horizontal="distributed" vertical="center"/>
    </xf>
    <xf numFmtId="0" fontId="11" fillId="0" borderId="28" xfId="5" applyFont="1" applyFill="1" applyBorder="1" applyAlignment="1">
      <alignment horizontal="distributed" vertical="center"/>
    </xf>
    <xf numFmtId="0" fontId="11" fillId="0" borderId="1" xfId="5" applyFont="1" applyFill="1" applyBorder="1" applyAlignment="1">
      <alignment horizontal="center" vertical="center" wrapText="1"/>
    </xf>
  </cellXfs>
  <cellStyles count="9">
    <cellStyle name="桁区切り" xfId="1" builtinId="6"/>
    <cellStyle name="桁区切り 2" xfId="6"/>
    <cellStyle name="標準" xfId="0" builtinId="0"/>
    <cellStyle name="標準 2" xfId="5"/>
    <cellStyle name="標準_事04統13" xfId="7"/>
    <cellStyle name="標準_事04統15" xfId="3"/>
    <cellStyle name="標準_事06統14" xfId="2"/>
    <cellStyle name="標準_第７表 (2)" xfId="8"/>
    <cellStyle name="標準_単独集計" xfId="4"/>
  </cellStyles>
  <dxfs count="1">
    <dxf>
      <font>
        <condense val="0"/>
        <extend val="0"/>
        <color indexed="10"/>
      </font>
    </dxf>
  </dxf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CCE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g1385002\13%20&#32113;&#35336;\02%20&#20107;&#26989;&#29366;&#27841;\&#65298;&#65305;&#24180;&#24230;&#20316;&#25104;&#20998;\My%20Documents\&#65420;&#65383;&#65394;&#65433;\&#65297;&#65298;&#20107;&#26989;&#29366;&#27841;\&#65297;&#65297;&#24180;&#24230;&#20316;&#25104;&#20998;\&#32207;&#21512;&#38598;&#35336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合集計"/>
    </sheetNames>
    <definedNames>
      <definedName name="デｰタ消去"/>
    </defined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 transitionEntry="1" codeName="Sheet14">
    <pageSetUpPr fitToPage="1"/>
  </sheetPr>
  <dimension ref="A1:CE150"/>
  <sheetViews>
    <sheetView tabSelected="1" zoomScaleNormal="100" zoomScaleSheetLayoutView="69" workbookViewId="0"/>
  </sheetViews>
  <sheetFormatPr defaultColWidth="9.6640625" defaultRowHeight="9.6" x14ac:dyDescent="0.15"/>
  <cols>
    <col min="1" max="1" width="12.44140625" style="47" customWidth="1"/>
    <col min="2" max="3" width="8.77734375" style="47" customWidth="1"/>
    <col min="4" max="4" width="13.77734375" style="47" customWidth="1"/>
    <col min="5" max="6" width="8.77734375" style="47" customWidth="1"/>
    <col min="7" max="7" width="13.77734375" style="47" customWidth="1"/>
    <col min="8" max="8" width="8.33203125" style="47" customWidth="1"/>
    <col min="9" max="9" width="8.77734375" style="47" customWidth="1"/>
    <col min="10" max="10" width="13.77734375" style="47" customWidth="1"/>
    <col min="11" max="12" width="8.77734375" style="47" customWidth="1"/>
    <col min="13" max="13" width="13.77734375" style="47" customWidth="1"/>
    <col min="14" max="15" width="8.77734375" style="47" customWidth="1"/>
    <col min="16" max="16" width="13.77734375" style="47" customWidth="1"/>
    <col min="17" max="17" width="10.77734375" style="47" customWidth="1"/>
    <col min="18" max="18" width="7.44140625" style="47" customWidth="1"/>
    <col min="19" max="19" width="8.77734375" style="47" customWidth="1"/>
    <col min="20" max="20" width="11.77734375" style="47" customWidth="1"/>
    <col min="21" max="21" width="7.44140625" style="47" customWidth="1"/>
    <col min="22" max="22" width="8.77734375" style="47" customWidth="1"/>
    <col min="23" max="23" width="11.77734375" style="47" customWidth="1"/>
    <col min="24" max="24" width="10.21875" style="47" customWidth="1"/>
    <col min="25" max="25" width="11.77734375" style="47" customWidth="1"/>
    <col min="26" max="27" width="7.44140625" style="47" customWidth="1"/>
    <col min="28" max="28" width="10.77734375" style="47" customWidth="1"/>
    <col min="29" max="29" width="7.44140625" style="47" customWidth="1"/>
    <col min="30" max="30" width="10.77734375" style="47" customWidth="1"/>
    <col min="31" max="31" width="7.44140625" style="47" customWidth="1"/>
    <col min="32" max="32" width="10.77734375" style="47" customWidth="1"/>
    <col min="33" max="33" width="7.44140625" style="47" customWidth="1"/>
    <col min="34" max="35" width="10.77734375" style="47" customWidth="1"/>
    <col min="36" max="36" width="7.44140625" style="47" customWidth="1"/>
    <col min="37" max="37" width="9.77734375" style="47" customWidth="1"/>
    <col min="38" max="38" width="7.44140625" style="47" customWidth="1"/>
    <col min="39" max="40" width="8.77734375" style="47" customWidth="1"/>
    <col min="41" max="41" width="10.77734375" style="47" customWidth="1"/>
    <col min="42" max="42" width="4.6640625" style="47" customWidth="1"/>
    <col min="43" max="43" width="9.44140625" style="47" customWidth="1"/>
    <col min="44" max="44" width="9.77734375" style="47" customWidth="1"/>
    <col min="45" max="45" width="12" style="47" customWidth="1"/>
    <col min="46" max="48" width="11.77734375" style="47" customWidth="1"/>
    <col min="49" max="49" width="7.77734375" style="47" customWidth="1"/>
    <col min="50" max="50" width="10.77734375" style="47" customWidth="1"/>
    <col min="51" max="51" width="6.77734375" style="47" customWidth="1"/>
    <col min="52" max="52" width="8.77734375" style="47" customWidth="1"/>
    <col min="53" max="53" width="10.77734375" style="47" customWidth="1"/>
    <col min="54" max="54" width="8.109375" style="47" customWidth="1"/>
    <col min="55" max="55" width="11.77734375" style="47" customWidth="1"/>
    <col min="56" max="56" width="6.6640625" style="47" hidden="1" customWidth="1"/>
    <col min="57" max="57" width="7" style="47" hidden="1" customWidth="1"/>
    <col min="58" max="58" width="8.109375" style="47" customWidth="1"/>
    <col min="59" max="59" width="11.77734375" style="47" customWidth="1"/>
    <col min="60" max="60" width="8.109375" style="47" customWidth="1"/>
    <col min="61" max="61" width="11.77734375" style="47" customWidth="1"/>
    <col min="62" max="62" width="8.109375" style="47" customWidth="1"/>
    <col min="63" max="63" width="11.77734375" style="47" customWidth="1"/>
    <col min="64" max="64" width="8.109375" style="47" customWidth="1"/>
    <col min="65" max="65" width="11.77734375" style="47" customWidth="1"/>
    <col min="66" max="66" width="8.109375" style="47" customWidth="1"/>
    <col min="67" max="67" width="11.77734375" style="47" customWidth="1"/>
    <col min="68" max="68" width="11.21875" style="47" customWidth="1"/>
    <col min="69" max="69" width="11.77734375" style="47" customWidth="1"/>
    <col min="70" max="70" width="10.77734375" style="47" customWidth="1"/>
    <col min="71" max="73" width="9.77734375" style="47" customWidth="1"/>
    <col min="74" max="74" width="10.77734375" style="47" customWidth="1"/>
    <col min="75" max="75" width="11.6640625" style="47" bestFit="1" customWidth="1"/>
    <col min="76" max="77" width="9.77734375" style="47" customWidth="1"/>
    <col min="78" max="78" width="10.77734375" style="47" customWidth="1"/>
    <col min="79" max="81" width="9.77734375" style="47" customWidth="1"/>
    <col min="82" max="83" width="10.77734375" style="47" customWidth="1"/>
    <col min="84" max="16384" width="9.6640625" style="47"/>
  </cols>
  <sheetData>
    <row r="1" spans="1:83" s="1" customFormat="1" ht="14.25" customHeight="1" x14ac:dyDescent="0.2">
      <c r="A1" s="6" t="s">
        <v>18</v>
      </c>
    </row>
    <row r="2" spans="1:83" s="1" customFormat="1" ht="13.8" thickBot="1" x14ac:dyDescent="0.25">
      <c r="A2" s="7" t="s">
        <v>74</v>
      </c>
      <c r="P2" s="8" t="s">
        <v>19</v>
      </c>
      <c r="Q2" s="7" t="s">
        <v>69</v>
      </c>
      <c r="Z2" s="7"/>
      <c r="AH2" s="8" t="s">
        <v>19</v>
      </c>
      <c r="AI2" s="7" t="s">
        <v>70</v>
      </c>
      <c r="AJ2" s="7"/>
      <c r="AW2" s="7"/>
      <c r="AZ2" s="8" t="s">
        <v>19</v>
      </c>
      <c r="BA2" s="7" t="s">
        <v>71</v>
      </c>
      <c r="BB2" s="7"/>
      <c r="BN2" s="7"/>
      <c r="BQ2" s="8" t="s">
        <v>19</v>
      </c>
      <c r="BR2" s="7" t="s">
        <v>72</v>
      </c>
      <c r="BS2" s="7"/>
      <c r="CD2" s="8"/>
    </row>
    <row r="3" spans="1:83" s="15" customFormat="1" ht="15" customHeight="1" x14ac:dyDescent="0.15">
      <c r="A3" s="9"/>
      <c r="B3" s="832" t="s">
        <v>80</v>
      </c>
      <c r="C3" s="803"/>
      <c r="D3" s="803"/>
      <c r="E3" s="803"/>
      <c r="F3" s="803"/>
      <c r="G3" s="803"/>
      <c r="H3" s="803"/>
      <c r="I3" s="803"/>
      <c r="J3" s="803"/>
      <c r="K3" s="803"/>
      <c r="L3" s="803"/>
      <c r="M3" s="803"/>
      <c r="N3" s="803"/>
      <c r="O3" s="803"/>
      <c r="P3" s="833"/>
      <c r="Q3" s="9"/>
      <c r="R3" s="798" t="s">
        <v>81</v>
      </c>
      <c r="S3" s="803"/>
      <c r="T3" s="803"/>
      <c r="U3" s="803"/>
      <c r="V3" s="803"/>
      <c r="W3" s="803"/>
      <c r="X3" s="803"/>
      <c r="Y3" s="803"/>
      <c r="Z3" s="780" t="s">
        <v>82</v>
      </c>
      <c r="AA3" s="781"/>
      <c r="AB3" s="781"/>
      <c r="AC3" s="781"/>
      <c r="AD3" s="781"/>
      <c r="AE3" s="781"/>
      <c r="AF3" s="781"/>
      <c r="AG3" s="781"/>
      <c r="AH3" s="782"/>
      <c r="AI3" s="9"/>
      <c r="AJ3" s="786" t="s">
        <v>82</v>
      </c>
      <c r="AK3" s="786"/>
      <c r="AL3" s="786"/>
      <c r="AM3" s="786"/>
      <c r="AN3" s="786"/>
      <c r="AO3" s="786"/>
      <c r="AP3" s="10"/>
      <c r="AQ3" s="11"/>
      <c r="AR3" s="816" t="s">
        <v>76</v>
      </c>
      <c r="AS3" s="761"/>
      <c r="AT3" s="802" t="s">
        <v>79</v>
      </c>
      <c r="AU3" s="803"/>
      <c r="AV3" s="803"/>
      <c r="AW3" s="760" t="s">
        <v>62</v>
      </c>
      <c r="AX3" s="761"/>
      <c r="AY3" s="760" t="s">
        <v>63</v>
      </c>
      <c r="AZ3" s="761"/>
      <c r="BA3" s="9"/>
      <c r="BB3" s="798" t="s">
        <v>83</v>
      </c>
      <c r="BC3" s="781"/>
      <c r="BD3" s="781"/>
      <c r="BE3" s="781"/>
      <c r="BF3" s="781"/>
      <c r="BG3" s="781"/>
      <c r="BH3" s="781"/>
      <c r="BI3" s="781"/>
      <c r="BJ3" s="781"/>
      <c r="BK3" s="781"/>
      <c r="BL3" s="781"/>
      <c r="BM3" s="781"/>
      <c r="BN3" s="781"/>
      <c r="BO3" s="782"/>
      <c r="BP3" s="760" t="s">
        <v>77</v>
      </c>
      <c r="BQ3" s="761"/>
      <c r="BR3" s="9"/>
      <c r="BS3" s="12" t="s">
        <v>84</v>
      </c>
      <c r="BT3" s="12"/>
      <c r="BU3" s="12"/>
      <c r="BV3" s="13"/>
      <c r="BW3" s="12"/>
      <c r="BX3" s="12"/>
      <c r="BY3" s="12"/>
      <c r="BZ3" s="12"/>
      <c r="CA3" s="12"/>
      <c r="CB3" s="12"/>
      <c r="CC3" s="12"/>
      <c r="CD3" s="14"/>
    </row>
    <row r="4" spans="1:83" s="15" customFormat="1" ht="12" customHeight="1" x14ac:dyDescent="0.15">
      <c r="A4" s="16" t="s">
        <v>3</v>
      </c>
      <c r="B4" s="17" t="s">
        <v>75</v>
      </c>
      <c r="C4" s="18"/>
      <c r="D4" s="19"/>
      <c r="E4" s="18"/>
      <c r="F4" s="18"/>
      <c r="G4" s="18"/>
      <c r="H4" s="18"/>
      <c r="I4" s="18"/>
      <c r="J4" s="19"/>
      <c r="K4" s="18"/>
      <c r="L4" s="18"/>
      <c r="M4" s="18"/>
      <c r="N4" s="818" t="s">
        <v>24</v>
      </c>
      <c r="O4" s="819"/>
      <c r="P4" s="820"/>
      <c r="Q4" s="16" t="s">
        <v>3</v>
      </c>
      <c r="R4" s="824" t="s">
        <v>23</v>
      </c>
      <c r="S4" s="825"/>
      <c r="T4" s="826"/>
      <c r="U4" s="825" t="s">
        <v>32</v>
      </c>
      <c r="V4" s="825"/>
      <c r="W4" s="825"/>
      <c r="X4" s="838" t="s">
        <v>33</v>
      </c>
      <c r="Y4" s="839"/>
      <c r="Z4" s="809" t="s">
        <v>117</v>
      </c>
      <c r="AA4" s="783" t="s">
        <v>4</v>
      </c>
      <c r="AB4" s="784"/>
      <c r="AC4" s="784"/>
      <c r="AD4" s="784"/>
      <c r="AE4" s="784"/>
      <c r="AF4" s="784"/>
      <c r="AG4" s="784"/>
      <c r="AH4" s="785"/>
      <c r="AI4" s="16" t="s">
        <v>3</v>
      </c>
      <c r="AJ4" s="784" t="s">
        <v>4</v>
      </c>
      <c r="AK4" s="784"/>
      <c r="AL4" s="784"/>
      <c r="AM4" s="784"/>
      <c r="AN4" s="784"/>
      <c r="AO4" s="787"/>
      <c r="AP4" s="812" t="s">
        <v>34</v>
      </c>
      <c r="AQ4" s="813"/>
      <c r="AR4" s="817"/>
      <c r="AS4" s="763"/>
      <c r="AT4" s="799" t="s">
        <v>61</v>
      </c>
      <c r="AU4" s="788" t="s">
        <v>57</v>
      </c>
      <c r="AV4" s="791" t="s">
        <v>58</v>
      </c>
      <c r="AW4" s="762"/>
      <c r="AX4" s="763"/>
      <c r="AY4" s="762"/>
      <c r="AZ4" s="763"/>
      <c r="BA4" s="16" t="s">
        <v>3</v>
      </c>
      <c r="BB4" s="766" t="s">
        <v>35</v>
      </c>
      <c r="BC4" s="767"/>
      <c r="BD4" s="770" t="s">
        <v>11</v>
      </c>
      <c r="BE4" s="767"/>
      <c r="BF4" s="770" t="s">
        <v>12</v>
      </c>
      <c r="BG4" s="766"/>
      <c r="BH4" s="770" t="s">
        <v>29</v>
      </c>
      <c r="BI4" s="767"/>
      <c r="BJ4" s="770" t="s">
        <v>30</v>
      </c>
      <c r="BK4" s="767"/>
      <c r="BL4" s="770" t="s">
        <v>1</v>
      </c>
      <c r="BM4" s="767"/>
      <c r="BN4" s="766" t="s">
        <v>36</v>
      </c>
      <c r="BO4" s="766"/>
      <c r="BP4" s="762"/>
      <c r="BQ4" s="763"/>
      <c r="BR4" s="20" t="s">
        <v>3</v>
      </c>
      <c r="BS4" s="774" t="s">
        <v>118</v>
      </c>
      <c r="BT4" s="775"/>
      <c r="BU4" s="775"/>
      <c r="BV4" s="776"/>
      <c r="BW4" s="754" t="s">
        <v>64</v>
      </c>
      <c r="BX4" s="755"/>
      <c r="BY4" s="755"/>
      <c r="BZ4" s="772"/>
      <c r="CA4" s="754" t="s">
        <v>31</v>
      </c>
      <c r="CB4" s="755"/>
      <c r="CC4" s="755"/>
      <c r="CD4" s="756"/>
    </row>
    <row r="5" spans="1:83" s="15" customFormat="1" ht="12" customHeight="1" x14ac:dyDescent="0.15">
      <c r="A5" s="16" t="s">
        <v>5</v>
      </c>
      <c r="B5" s="834" t="s">
        <v>37</v>
      </c>
      <c r="C5" s="835"/>
      <c r="D5" s="836"/>
      <c r="E5" s="834" t="s">
        <v>38</v>
      </c>
      <c r="F5" s="835"/>
      <c r="G5" s="836"/>
      <c r="H5" s="834" t="s">
        <v>39</v>
      </c>
      <c r="I5" s="835"/>
      <c r="J5" s="836"/>
      <c r="K5" s="834" t="s">
        <v>78</v>
      </c>
      <c r="L5" s="835"/>
      <c r="M5" s="835"/>
      <c r="N5" s="821"/>
      <c r="O5" s="822"/>
      <c r="P5" s="823"/>
      <c r="Q5" s="16" t="s">
        <v>5</v>
      </c>
      <c r="R5" s="827"/>
      <c r="S5" s="828"/>
      <c r="T5" s="829"/>
      <c r="U5" s="828"/>
      <c r="V5" s="828"/>
      <c r="W5" s="828"/>
      <c r="X5" s="827"/>
      <c r="Y5" s="828"/>
      <c r="Z5" s="810"/>
      <c r="AA5" s="834" t="s">
        <v>40</v>
      </c>
      <c r="AB5" s="836"/>
      <c r="AC5" s="794" t="s">
        <v>27</v>
      </c>
      <c r="AD5" s="837"/>
      <c r="AE5" s="794" t="s">
        <v>28</v>
      </c>
      <c r="AF5" s="837"/>
      <c r="AG5" s="794" t="s">
        <v>25</v>
      </c>
      <c r="AH5" s="795"/>
      <c r="AI5" s="16" t="s">
        <v>5</v>
      </c>
      <c r="AJ5" s="796" t="s">
        <v>26</v>
      </c>
      <c r="AK5" s="797"/>
      <c r="AL5" s="830" t="s">
        <v>41</v>
      </c>
      <c r="AM5" s="831"/>
      <c r="AN5" s="21" t="s">
        <v>2</v>
      </c>
      <c r="AO5" s="18"/>
      <c r="AP5" s="814"/>
      <c r="AQ5" s="815"/>
      <c r="AR5" s="771"/>
      <c r="AS5" s="765"/>
      <c r="AT5" s="800"/>
      <c r="AU5" s="789"/>
      <c r="AV5" s="792"/>
      <c r="AW5" s="764"/>
      <c r="AX5" s="765"/>
      <c r="AY5" s="764"/>
      <c r="AZ5" s="765"/>
      <c r="BA5" s="16" t="s">
        <v>5</v>
      </c>
      <c r="BB5" s="768"/>
      <c r="BC5" s="769"/>
      <c r="BD5" s="771"/>
      <c r="BE5" s="769"/>
      <c r="BF5" s="771"/>
      <c r="BG5" s="768"/>
      <c r="BH5" s="771"/>
      <c r="BI5" s="769"/>
      <c r="BJ5" s="771"/>
      <c r="BK5" s="769"/>
      <c r="BL5" s="771"/>
      <c r="BM5" s="769"/>
      <c r="BN5" s="768"/>
      <c r="BO5" s="768"/>
      <c r="BP5" s="764"/>
      <c r="BQ5" s="765"/>
      <c r="BR5" s="20" t="s">
        <v>5</v>
      </c>
      <c r="BS5" s="777"/>
      <c r="BT5" s="778"/>
      <c r="BU5" s="778"/>
      <c r="BV5" s="779"/>
      <c r="BW5" s="757"/>
      <c r="BX5" s="758"/>
      <c r="BY5" s="758"/>
      <c r="BZ5" s="773"/>
      <c r="CA5" s="757"/>
      <c r="CB5" s="758"/>
      <c r="CC5" s="758"/>
      <c r="CD5" s="759"/>
    </row>
    <row r="6" spans="1:83" s="15" customFormat="1" ht="13.5" customHeight="1" thickBot="1" x14ac:dyDescent="0.2">
      <c r="A6" s="22" t="s">
        <v>7</v>
      </c>
      <c r="B6" s="2" t="s">
        <v>119</v>
      </c>
      <c r="C6" s="2" t="s">
        <v>8</v>
      </c>
      <c r="D6" s="2" t="s">
        <v>52</v>
      </c>
      <c r="E6" s="2" t="s">
        <v>20</v>
      </c>
      <c r="F6" s="2" t="s">
        <v>21</v>
      </c>
      <c r="G6" s="23" t="s">
        <v>53</v>
      </c>
      <c r="H6" s="2" t="s">
        <v>20</v>
      </c>
      <c r="I6" s="2" t="s">
        <v>21</v>
      </c>
      <c r="J6" s="23" t="s">
        <v>54</v>
      </c>
      <c r="K6" s="2" t="s">
        <v>20</v>
      </c>
      <c r="L6" s="2" t="s">
        <v>21</v>
      </c>
      <c r="M6" s="2" t="s">
        <v>54</v>
      </c>
      <c r="N6" s="2" t="s">
        <v>22</v>
      </c>
      <c r="O6" s="2" t="s">
        <v>13</v>
      </c>
      <c r="P6" s="24" t="s">
        <v>9</v>
      </c>
      <c r="Q6" s="22" t="s">
        <v>7</v>
      </c>
      <c r="R6" s="2" t="s">
        <v>20</v>
      </c>
      <c r="S6" s="2" t="s">
        <v>21</v>
      </c>
      <c r="T6" s="87" t="s">
        <v>55</v>
      </c>
      <c r="U6" s="2" t="s">
        <v>20</v>
      </c>
      <c r="V6" s="2" t="s">
        <v>21</v>
      </c>
      <c r="W6" s="87" t="s">
        <v>53</v>
      </c>
      <c r="X6" s="2" t="s">
        <v>20</v>
      </c>
      <c r="Y6" s="88" t="s">
        <v>53</v>
      </c>
      <c r="Z6" s="811"/>
      <c r="AA6" s="2" t="s">
        <v>20</v>
      </c>
      <c r="AB6" s="88" t="s">
        <v>53</v>
      </c>
      <c r="AC6" s="2" t="s">
        <v>20</v>
      </c>
      <c r="AD6" s="88" t="s">
        <v>56</v>
      </c>
      <c r="AE6" s="2" t="s">
        <v>20</v>
      </c>
      <c r="AF6" s="88" t="s">
        <v>56</v>
      </c>
      <c r="AG6" s="2" t="s">
        <v>120</v>
      </c>
      <c r="AH6" s="89" t="s">
        <v>56</v>
      </c>
      <c r="AI6" s="22" t="s">
        <v>7</v>
      </c>
      <c r="AJ6" s="2" t="s">
        <v>120</v>
      </c>
      <c r="AK6" s="88" t="s">
        <v>56</v>
      </c>
      <c r="AL6" s="25" t="s">
        <v>115</v>
      </c>
      <c r="AM6" s="88" t="s">
        <v>53</v>
      </c>
      <c r="AN6" s="26" t="s">
        <v>116</v>
      </c>
      <c r="AO6" s="87" t="s">
        <v>54</v>
      </c>
      <c r="AP6" s="27" t="s">
        <v>43</v>
      </c>
      <c r="AQ6" s="89" t="s">
        <v>52</v>
      </c>
      <c r="AR6" s="26" t="s">
        <v>42</v>
      </c>
      <c r="AS6" s="90" t="s">
        <v>54</v>
      </c>
      <c r="AT6" s="801"/>
      <c r="AU6" s="790"/>
      <c r="AV6" s="793"/>
      <c r="AW6" s="29" t="s">
        <v>42</v>
      </c>
      <c r="AX6" s="90" t="s">
        <v>54</v>
      </c>
      <c r="AY6" s="29" t="s">
        <v>42</v>
      </c>
      <c r="AZ6" s="90" t="s">
        <v>54</v>
      </c>
      <c r="BA6" s="22" t="s">
        <v>7</v>
      </c>
      <c r="BB6" s="27" t="s">
        <v>44</v>
      </c>
      <c r="BC6" s="88" t="s">
        <v>54</v>
      </c>
      <c r="BD6" s="2" t="s">
        <v>114</v>
      </c>
      <c r="BE6" s="2" t="s">
        <v>0</v>
      </c>
      <c r="BF6" s="2" t="s">
        <v>44</v>
      </c>
      <c r="BG6" s="88" t="s">
        <v>54</v>
      </c>
      <c r="BH6" s="2" t="s">
        <v>44</v>
      </c>
      <c r="BI6" s="88" t="s">
        <v>59</v>
      </c>
      <c r="BJ6" s="2" t="s">
        <v>44</v>
      </c>
      <c r="BK6" s="88" t="s">
        <v>54</v>
      </c>
      <c r="BL6" s="2" t="s">
        <v>44</v>
      </c>
      <c r="BM6" s="91" t="s">
        <v>53</v>
      </c>
      <c r="BN6" s="27" t="s">
        <v>44</v>
      </c>
      <c r="BO6" s="88" t="s">
        <v>54</v>
      </c>
      <c r="BP6" s="30" t="s">
        <v>44</v>
      </c>
      <c r="BQ6" s="89" t="s">
        <v>53</v>
      </c>
      <c r="BR6" s="22" t="s">
        <v>7</v>
      </c>
      <c r="BS6" s="31" t="s">
        <v>45</v>
      </c>
      <c r="BT6" s="32" t="s">
        <v>46</v>
      </c>
      <c r="BU6" s="32" t="s">
        <v>14</v>
      </c>
      <c r="BV6" s="2" t="s">
        <v>2</v>
      </c>
      <c r="BW6" s="33" t="s">
        <v>45</v>
      </c>
      <c r="BX6" s="33" t="s">
        <v>46</v>
      </c>
      <c r="BY6" s="33" t="s">
        <v>14</v>
      </c>
      <c r="BZ6" s="25" t="s">
        <v>2</v>
      </c>
      <c r="CA6" s="33" t="s">
        <v>45</v>
      </c>
      <c r="CB6" s="33" t="s">
        <v>46</v>
      </c>
      <c r="CC6" s="33" t="s">
        <v>14</v>
      </c>
      <c r="CD6" s="28" t="s">
        <v>2</v>
      </c>
    </row>
    <row r="7" spans="1:83" s="15" customFormat="1" ht="12" customHeight="1" thickTop="1" thickBot="1" x14ac:dyDescent="0.2">
      <c r="A7" s="34" t="s">
        <v>16</v>
      </c>
      <c r="B7" s="35"/>
      <c r="C7" s="35"/>
      <c r="D7" s="35"/>
      <c r="E7" s="35"/>
      <c r="F7" s="35"/>
      <c r="G7" s="35"/>
      <c r="H7" s="35"/>
      <c r="I7" s="35"/>
      <c r="J7" s="35"/>
      <c r="K7" s="35"/>
      <c r="L7" s="808"/>
      <c r="M7" s="808"/>
      <c r="N7" s="119"/>
      <c r="O7" s="35"/>
      <c r="P7" s="36"/>
      <c r="Q7" s="34" t="s">
        <v>16</v>
      </c>
      <c r="R7" s="35"/>
      <c r="S7" s="35"/>
      <c r="T7" s="35"/>
      <c r="U7" s="35"/>
      <c r="V7" s="35"/>
      <c r="W7" s="35"/>
      <c r="X7" s="35"/>
      <c r="Y7" s="35"/>
      <c r="Z7" s="35"/>
      <c r="AA7" s="35"/>
      <c r="AB7" s="35"/>
      <c r="AC7" s="35"/>
      <c r="AD7" s="35"/>
      <c r="AE7" s="35"/>
      <c r="AF7" s="35"/>
      <c r="AG7" s="35"/>
      <c r="AH7" s="36"/>
      <c r="AI7" s="34" t="s">
        <v>16</v>
      </c>
      <c r="AJ7" s="35"/>
      <c r="AK7" s="35"/>
      <c r="AL7" s="35"/>
      <c r="AM7" s="35"/>
      <c r="AN7" s="35"/>
      <c r="AO7" s="37"/>
      <c r="AP7" s="35"/>
      <c r="AQ7" s="35"/>
      <c r="AR7" s="35"/>
      <c r="AS7" s="35"/>
      <c r="AT7" s="35"/>
      <c r="AU7" s="35"/>
      <c r="AV7" s="35"/>
      <c r="AW7" s="236"/>
      <c r="AX7" s="37"/>
      <c r="AY7" s="37"/>
      <c r="AZ7" s="99"/>
      <c r="BA7" s="34" t="s">
        <v>16</v>
      </c>
      <c r="BB7" s="35"/>
      <c r="BC7" s="35"/>
      <c r="BD7" s="35"/>
      <c r="BE7" s="35"/>
      <c r="BF7" s="35"/>
      <c r="BG7" s="35"/>
      <c r="BH7" s="35"/>
      <c r="BI7" s="35"/>
      <c r="BJ7" s="35"/>
      <c r="BK7" s="35"/>
      <c r="BL7" s="35"/>
      <c r="BM7" s="35"/>
      <c r="BN7" s="35"/>
      <c r="BO7" s="35"/>
      <c r="BP7" s="35"/>
      <c r="BQ7" s="99"/>
      <c r="BR7" s="34" t="s">
        <v>16</v>
      </c>
      <c r="BS7" s="35"/>
      <c r="BT7" s="35"/>
      <c r="BU7" s="35"/>
      <c r="BV7" s="35"/>
      <c r="BW7" s="35"/>
      <c r="BX7" s="35"/>
      <c r="BY7" s="35"/>
      <c r="BZ7" s="35"/>
      <c r="CA7" s="35"/>
      <c r="CB7" s="35"/>
      <c r="CC7" s="35"/>
      <c r="CD7" s="36"/>
      <c r="CE7" s="38"/>
    </row>
    <row r="8" spans="1:83" s="38" customFormat="1" ht="14.4" customHeight="1" thickTop="1" x14ac:dyDescent="0.15">
      <c r="A8" s="121" t="s">
        <v>85</v>
      </c>
      <c r="B8" s="122">
        <v>466268</v>
      </c>
      <c r="C8" s="122">
        <v>6826437</v>
      </c>
      <c r="D8" s="122">
        <v>235566605</v>
      </c>
      <c r="E8" s="122">
        <v>20177739</v>
      </c>
      <c r="F8" s="122">
        <v>34226535</v>
      </c>
      <c r="G8" s="122">
        <v>257261653</v>
      </c>
      <c r="H8" s="122">
        <v>4403353</v>
      </c>
      <c r="I8" s="122">
        <v>9480418</v>
      </c>
      <c r="J8" s="122">
        <v>59979021</v>
      </c>
      <c r="K8" s="122">
        <v>25047360</v>
      </c>
      <c r="L8" s="122">
        <v>50533390</v>
      </c>
      <c r="M8" s="122">
        <v>552807279</v>
      </c>
      <c r="N8" s="122">
        <v>13865198</v>
      </c>
      <c r="O8" s="122">
        <v>17817918</v>
      </c>
      <c r="P8" s="123">
        <v>144847466</v>
      </c>
      <c r="Q8" s="121" t="s">
        <v>85</v>
      </c>
      <c r="R8" s="124">
        <v>437312</v>
      </c>
      <c r="S8" s="124">
        <v>17164621</v>
      </c>
      <c r="T8" s="125">
        <v>11492641</v>
      </c>
      <c r="U8" s="126">
        <v>23557</v>
      </c>
      <c r="V8" s="127">
        <v>144414</v>
      </c>
      <c r="W8" s="127">
        <v>1470403</v>
      </c>
      <c r="X8" s="127">
        <v>38936115</v>
      </c>
      <c r="Y8" s="122">
        <v>710617788</v>
      </c>
      <c r="Z8" s="128">
        <v>8912</v>
      </c>
      <c r="AA8" s="122">
        <v>26763</v>
      </c>
      <c r="AB8" s="122">
        <v>397617</v>
      </c>
      <c r="AC8" s="129">
        <v>17492</v>
      </c>
      <c r="AD8" s="129">
        <v>599358</v>
      </c>
      <c r="AE8" s="129">
        <v>955618</v>
      </c>
      <c r="AF8" s="129">
        <v>8565488</v>
      </c>
      <c r="AG8" s="129">
        <v>56612</v>
      </c>
      <c r="AH8" s="130">
        <v>1601943</v>
      </c>
      <c r="AI8" s="121" t="s">
        <v>85</v>
      </c>
      <c r="AJ8" s="129">
        <v>42100</v>
      </c>
      <c r="AK8" s="129">
        <v>582220</v>
      </c>
      <c r="AL8" s="122">
        <v>68</v>
      </c>
      <c r="AM8" s="122">
        <v>1488</v>
      </c>
      <c r="AN8" s="122">
        <v>1098653</v>
      </c>
      <c r="AO8" s="122">
        <v>11748115</v>
      </c>
      <c r="AP8" s="131">
        <v>38</v>
      </c>
      <c r="AQ8" s="132">
        <v>1075</v>
      </c>
      <c r="AR8" s="122">
        <v>40043718</v>
      </c>
      <c r="AS8" s="123">
        <v>722366978</v>
      </c>
      <c r="AT8" s="133">
        <v>524573442</v>
      </c>
      <c r="AU8" s="122">
        <v>165304995</v>
      </c>
      <c r="AV8" s="129">
        <v>32488542</v>
      </c>
      <c r="AW8" s="134">
        <v>843283</v>
      </c>
      <c r="AX8" s="123">
        <v>55720146</v>
      </c>
      <c r="AY8" s="135">
        <v>1178</v>
      </c>
      <c r="AZ8" s="136">
        <v>29869</v>
      </c>
      <c r="BA8" s="137" t="s">
        <v>85</v>
      </c>
      <c r="BB8" s="138">
        <v>14248</v>
      </c>
      <c r="BC8" s="139">
        <v>5958984</v>
      </c>
      <c r="BD8" s="140" t="s">
        <v>10</v>
      </c>
      <c r="BE8" s="140" t="s">
        <v>10</v>
      </c>
      <c r="BF8" s="139">
        <v>13182</v>
      </c>
      <c r="BG8" s="139">
        <v>681620</v>
      </c>
      <c r="BH8" s="141">
        <v>4989</v>
      </c>
      <c r="BI8" s="141">
        <v>385591</v>
      </c>
      <c r="BJ8" s="141">
        <v>21</v>
      </c>
      <c r="BK8" s="141">
        <v>3911</v>
      </c>
      <c r="BL8" s="142">
        <v>132473</v>
      </c>
      <c r="BM8" s="142">
        <v>1244179</v>
      </c>
      <c r="BN8" s="138">
        <v>164913</v>
      </c>
      <c r="BO8" s="139">
        <v>8274285</v>
      </c>
      <c r="BP8" s="143">
        <v>40208631</v>
      </c>
      <c r="BQ8" s="144">
        <v>730641263</v>
      </c>
      <c r="BR8" s="137" t="s">
        <v>85</v>
      </c>
      <c r="BS8" s="145">
        <v>17.684999999999999</v>
      </c>
      <c r="BT8" s="146">
        <v>765.33500000000004</v>
      </c>
      <c r="BU8" s="146">
        <v>167.018</v>
      </c>
      <c r="BV8" s="146">
        <v>950.03800000000001</v>
      </c>
      <c r="BW8" s="147">
        <v>14.641</v>
      </c>
      <c r="BX8" s="148">
        <v>1.696</v>
      </c>
      <c r="BY8" s="148">
        <v>2.153</v>
      </c>
      <c r="BZ8" s="148">
        <v>2.0179999999999998</v>
      </c>
      <c r="CA8" s="149">
        <v>36192</v>
      </c>
      <c r="CB8" s="139">
        <v>11748</v>
      </c>
      <c r="CC8" s="139">
        <v>6327</v>
      </c>
      <c r="CD8" s="144">
        <v>14295</v>
      </c>
      <c r="CE8" s="39"/>
    </row>
    <row r="9" spans="1:83" s="38" customFormat="1" ht="14.4" customHeight="1" x14ac:dyDescent="0.15">
      <c r="A9" s="121" t="s">
        <v>86</v>
      </c>
      <c r="B9" s="122">
        <v>464011</v>
      </c>
      <c r="C9" s="122">
        <v>6742609</v>
      </c>
      <c r="D9" s="122">
        <v>242304583</v>
      </c>
      <c r="E9" s="122">
        <v>20210881</v>
      </c>
      <c r="F9" s="122">
        <v>33706204</v>
      </c>
      <c r="G9" s="122">
        <v>261284929</v>
      </c>
      <c r="H9" s="122">
        <v>4495173</v>
      </c>
      <c r="I9" s="122">
        <v>9452505</v>
      </c>
      <c r="J9" s="122">
        <v>60536869</v>
      </c>
      <c r="K9" s="122">
        <v>25170065</v>
      </c>
      <c r="L9" s="122">
        <v>49901318</v>
      </c>
      <c r="M9" s="122">
        <v>564126380</v>
      </c>
      <c r="N9" s="122">
        <v>14130849</v>
      </c>
      <c r="O9" s="122">
        <v>17929926</v>
      </c>
      <c r="P9" s="123">
        <v>154918648</v>
      </c>
      <c r="Q9" s="121" t="s">
        <v>86</v>
      </c>
      <c r="R9" s="124">
        <v>435765</v>
      </c>
      <c r="S9" s="124">
        <v>17019923</v>
      </c>
      <c r="T9" s="125">
        <v>11435851</v>
      </c>
      <c r="U9" s="126">
        <v>26797</v>
      </c>
      <c r="V9" s="127">
        <v>163431</v>
      </c>
      <c r="W9" s="127">
        <v>1672344</v>
      </c>
      <c r="X9" s="127">
        <v>39327711</v>
      </c>
      <c r="Y9" s="122">
        <v>732153223</v>
      </c>
      <c r="Z9" s="128">
        <v>8183</v>
      </c>
      <c r="AA9" s="122">
        <v>31443</v>
      </c>
      <c r="AB9" s="122">
        <v>478857</v>
      </c>
      <c r="AC9" s="129">
        <v>18793</v>
      </c>
      <c r="AD9" s="129">
        <v>607114</v>
      </c>
      <c r="AE9" s="129">
        <v>1006994</v>
      </c>
      <c r="AF9" s="129">
        <v>8744537</v>
      </c>
      <c r="AG9" s="129">
        <v>58210</v>
      </c>
      <c r="AH9" s="130">
        <v>1699721</v>
      </c>
      <c r="AI9" s="121" t="s">
        <v>86</v>
      </c>
      <c r="AJ9" s="129">
        <v>40578</v>
      </c>
      <c r="AK9" s="129">
        <v>572006</v>
      </c>
      <c r="AL9" s="122">
        <v>83</v>
      </c>
      <c r="AM9" s="122">
        <v>1049</v>
      </c>
      <c r="AN9" s="122">
        <v>1156101</v>
      </c>
      <c r="AO9" s="122">
        <v>12103283</v>
      </c>
      <c r="AP9" s="131">
        <v>58</v>
      </c>
      <c r="AQ9" s="132">
        <v>6682</v>
      </c>
      <c r="AR9" s="122">
        <v>40492053</v>
      </c>
      <c r="AS9" s="123">
        <v>744263189</v>
      </c>
      <c r="AT9" s="133">
        <v>541064451</v>
      </c>
      <c r="AU9" s="122">
        <v>169439705</v>
      </c>
      <c r="AV9" s="129">
        <v>33759032</v>
      </c>
      <c r="AW9" s="134">
        <v>912272</v>
      </c>
      <c r="AX9" s="123">
        <v>58720724</v>
      </c>
      <c r="AY9" s="150">
        <v>744</v>
      </c>
      <c r="AZ9" s="130">
        <v>15909</v>
      </c>
      <c r="BA9" s="121" t="s">
        <v>86</v>
      </c>
      <c r="BB9" s="133">
        <v>13703</v>
      </c>
      <c r="BC9" s="122">
        <v>5592111</v>
      </c>
      <c r="BD9" s="151" t="s">
        <v>10</v>
      </c>
      <c r="BE9" s="151" t="s">
        <v>10</v>
      </c>
      <c r="BF9" s="122">
        <v>13629</v>
      </c>
      <c r="BG9" s="122">
        <v>702820</v>
      </c>
      <c r="BH9" s="152">
        <v>4259</v>
      </c>
      <c r="BI9" s="152">
        <v>367049</v>
      </c>
      <c r="BJ9" s="152">
        <v>21</v>
      </c>
      <c r="BK9" s="152">
        <v>3541</v>
      </c>
      <c r="BL9" s="124">
        <v>126541</v>
      </c>
      <c r="BM9" s="124">
        <v>1138522</v>
      </c>
      <c r="BN9" s="133">
        <v>158153</v>
      </c>
      <c r="BO9" s="122">
        <v>7804043</v>
      </c>
      <c r="BP9" s="128">
        <v>40650206</v>
      </c>
      <c r="BQ9" s="123">
        <v>752067231</v>
      </c>
      <c r="BR9" s="121" t="s">
        <v>86</v>
      </c>
      <c r="BS9" s="153">
        <v>17.661999999999999</v>
      </c>
      <c r="BT9" s="154">
        <v>769.32</v>
      </c>
      <c r="BU9" s="154">
        <v>171.107</v>
      </c>
      <c r="BV9" s="154">
        <v>958.08900000000006</v>
      </c>
      <c r="BW9" s="155">
        <v>14.531000000000001</v>
      </c>
      <c r="BX9" s="156">
        <v>1.6679999999999999</v>
      </c>
      <c r="BY9" s="156">
        <v>2.1030000000000002</v>
      </c>
      <c r="BZ9" s="156">
        <v>1.9830000000000001</v>
      </c>
      <c r="CA9" s="157">
        <v>37632</v>
      </c>
      <c r="CB9" s="122">
        <v>12348</v>
      </c>
      <c r="CC9" s="122">
        <v>6404</v>
      </c>
      <c r="CD9" s="123">
        <v>15065</v>
      </c>
    </row>
    <row r="10" spans="1:83" s="38" customFormat="1" ht="14.4" customHeight="1" x14ac:dyDescent="0.15">
      <c r="A10" s="158" t="s">
        <v>87</v>
      </c>
      <c r="B10" s="159">
        <v>464677</v>
      </c>
      <c r="C10" s="159">
        <v>6647796</v>
      </c>
      <c r="D10" s="159">
        <v>248466814</v>
      </c>
      <c r="E10" s="159">
        <v>20388717</v>
      </c>
      <c r="F10" s="159">
        <v>33417020</v>
      </c>
      <c r="G10" s="159">
        <v>265148437</v>
      </c>
      <c r="H10" s="159">
        <v>4570796</v>
      </c>
      <c r="I10" s="159">
        <v>9375632</v>
      </c>
      <c r="J10" s="159">
        <v>61005233</v>
      </c>
      <c r="K10" s="159">
        <v>25424190</v>
      </c>
      <c r="L10" s="159">
        <v>49440448</v>
      </c>
      <c r="M10" s="159">
        <v>574620483</v>
      </c>
      <c r="N10" s="159">
        <v>14302558</v>
      </c>
      <c r="O10" s="159">
        <v>17972874</v>
      </c>
      <c r="P10" s="160">
        <v>154124308</v>
      </c>
      <c r="Q10" s="158" t="s">
        <v>87</v>
      </c>
      <c r="R10" s="161">
        <v>436833</v>
      </c>
      <c r="S10" s="161">
        <v>16880397</v>
      </c>
      <c r="T10" s="162">
        <v>11301575</v>
      </c>
      <c r="U10" s="163">
        <v>30137</v>
      </c>
      <c r="V10" s="164">
        <v>182406</v>
      </c>
      <c r="W10" s="164">
        <v>1916928</v>
      </c>
      <c r="X10" s="164">
        <v>39756885</v>
      </c>
      <c r="Y10" s="159">
        <v>741963294</v>
      </c>
      <c r="Z10" s="165">
        <v>8028</v>
      </c>
      <c r="AA10" s="159">
        <v>31158</v>
      </c>
      <c r="AB10" s="159">
        <v>511626</v>
      </c>
      <c r="AC10" s="166">
        <v>18082</v>
      </c>
      <c r="AD10" s="166">
        <v>633999</v>
      </c>
      <c r="AE10" s="166">
        <v>1034007</v>
      </c>
      <c r="AF10" s="166">
        <v>8753326</v>
      </c>
      <c r="AG10" s="166">
        <v>60064</v>
      </c>
      <c r="AH10" s="167">
        <v>1776923</v>
      </c>
      <c r="AI10" s="158" t="s">
        <v>87</v>
      </c>
      <c r="AJ10" s="166">
        <v>44401</v>
      </c>
      <c r="AK10" s="166">
        <v>623995</v>
      </c>
      <c r="AL10" s="159">
        <v>121</v>
      </c>
      <c r="AM10" s="159">
        <v>1389</v>
      </c>
      <c r="AN10" s="159">
        <v>1187833</v>
      </c>
      <c r="AO10" s="159">
        <v>12301258</v>
      </c>
      <c r="AP10" s="168">
        <v>39</v>
      </c>
      <c r="AQ10" s="169">
        <v>7080</v>
      </c>
      <c r="AR10" s="3">
        <v>40952785</v>
      </c>
      <c r="AS10" s="160">
        <v>754271632</v>
      </c>
      <c r="AT10" s="3">
        <v>548924759</v>
      </c>
      <c r="AU10" s="159">
        <v>170783057</v>
      </c>
      <c r="AV10" s="166">
        <v>34563816</v>
      </c>
      <c r="AW10" s="170">
        <v>1053126</v>
      </c>
      <c r="AX10" s="159">
        <v>62642609</v>
      </c>
      <c r="AY10" s="171">
        <v>1578</v>
      </c>
      <c r="AZ10" s="167">
        <v>31254</v>
      </c>
      <c r="BA10" s="158" t="s">
        <v>87</v>
      </c>
      <c r="BB10" s="3">
        <v>13327</v>
      </c>
      <c r="BC10" s="159">
        <v>5507737</v>
      </c>
      <c r="BD10" s="172" t="s">
        <v>10</v>
      </c>
      <c r="BE10" s="172" t="s">
        <v>10</v>
      </c>
      <c r="BF10" s="159">
        <v>13119</v>
      </c>
      <c r="BG10" s="159">
        <v>674000</v>
      </c>
      <c r="BH10" s="173">
        <v>4427</v>
      </c>
      <c r="BI10" s="173">
        <v>371852</v>
      </c>
      <c r="BJ10" s="173">
        <v>19</v>
      </c>
      <c r="BK10" s="173">
        <v>3122</v>
      </c>
      <c r="BL10" s="161">
        <v>121110</v>
      </c>
      <c r="BM10" s="161">
        <v>1111978</v>
      </c>
      <c r="BN10" s="3">
        <v>152002</v>
      </c>
      <c r="BO10" s="159">
        <v>7668689</v>
      </c>
      <c r="BP10" s="165">
        <v>41104787</v>
      </c>
      <c r="BQ10" s="160">
        <v>761940321</v>
      </c>
      <c r="BR10" s="158" t="s">
        <v>87</v>
      </c>
      <c r="BS10" s="174">
        <v>17.891999999999999</v>
      </c>
      <c r="BT10" s="175">
        <v>785.06100000000004</v>
      </c>
      <c r="BU10" s="175">
        <v>175.99700000000001</v>
      </c>
      <c r="BV10" s="175">
        <v>978.95100000000002</v>
      </c>
      <c r="BW10" s="176">
        <v>14.31</v>
      </c>
      <c r="BX10" s="177">
        <v>1.64</v>
      </c>
      <c r="BY10" s="177">
        <v>2.0499999999999998</v>
      </c>
      <c r="BZ10" s="177">
        <v>1.95</v>
      </c>
      <c r="CA10" s="178">
        <v>39076</v>
      </c>
      <c r="CB10" s="159">
        <v>12547</v>
      </c>
      <c r="CC10" s="159">
        <v>6507</v>
      </c>
      <c r="CD10" s="160">
        <v>15397</v>
      </c>
    </row>
    <row r="11" spans="1:83" s="38" customFormat="1" ht="14.4" customHeight="1" x14ac:dyDescent="0.15">
      <c r="A11" s="121" t="s">
        <v>47</v>
      </c>
      <c r="B11" s="122">
        <v>462104</v>
      </c>
      <c r="C11" s="122">
        <v>6606662</v>
      </c>
      <c r="D11" s="122">
        <v>251127615</v>
      </c>
      <c r="E11" s="122">
        <v>20195602</v>
      </c>
      <c r="F11" s="122">
        <v>32666687</v>
      </c>
      <c r="G11" s="122">
        <v>266852856</v>
      </c>
      <c r="H11" s="122">
        <v>4638348</v>
      </c>
      <c r="I11" s="122">
        <v>9320829</v>
      </c>
      <c r="J11" s="122">
        <v>60830782</v>
      </c>
      <c r="K11" s="122">
        <v>25294054</v>
      </c>
      <c r="L11" s="122">
        <v>48594178</v>
      </c>
      <c r="M11" s="122">
        <v>578811253</v>
      </c>
      <c r="N11" s="122">
        <v>14238257</v>
      </c>
      <c r="O11" s="122">
        <v>17683992</v>
      </c>
      <c r="P11" s="123">
        <v>159291110</v>
      </c>
      <c r="Q11" s="121" t="s">
        <v>47</v>
      </c>
      <c r="R11" s="124">
        <v>434483</v>
      </c>
      <c r="S11" s="124">
        <v>16764980</v>
      </c>
      <c r="T11" s="125">
        <v>11246810</v>
      </c>
      <c r="U11" s="126">
        <v>33711</v>
      </c>
      <c r="V11" s="127">
        <v>206229</v>
      </c>
      <c r="W11" s="127">
        <v>2182830</v>
      </c>
      <c r="X11" s="127">
        <v>39566022</v>
      </c>
      <c r="Y11" s="122">
        <v>751532003</v>
      </c>
      <c r="Z11" s="128">
        <v>7810</v>
      </c>
      <c r="AA11" s="122">
        <v>33625</v>
      </c>
      <c r="AB11" s="122">
        <v>515821</v>
      </c>
      <c r="AC11" s="129">
        <v>18112</v>
      </c>
      <c r="AD11" s="129">
        <v>640637</v>
      </c>
      <c r="AE11" s="129">
        <v>1036615</v>
      </c>
      <c r="AF11" s="129">
        <v>8496661</v>
      </c>
      <c r="AG11" s="129">
        <v>61861</v>
      </c>
      <c r="AH11" s="130">
        <v>1848196</v>
      </c>
      <c r="AI11" s="121" t="s">
        <v>47</v>
      </c>
      <c r="AJ11" s="129">
        <v>43676</v>
      </c>
      <c r="AK11" s="129">
        <v>625797</v>
      </c>
      <c r="AL11" s="122">
        <v>75</v>
      </c>
      <c r="AM11" s="122">
        <v>4017</v>
      </c>
      <c r="AN11" s="122">
        <v>1193964</v>
      </c>
      <c r="AO11" s="122">
        <v>12131128</v>
      </c>
      <c r="AP11" s="131">
        <v>43</v>
      </c>
      <c r="AQ11" s="132">
        <v>4900</v>
      </c>
      <c r="AR11" s="133">
        <v>40767839</v>
      </c>
      <c r="AS11" s="123">
        <v>763668031</v>
      </c>
      <c r="AT11" s="133">
        <v>556556465</v>
      </c>
      <c r="AU11" s="122">
        <v>172505410</v>
      </c>
      <c r="AV11" s="129">
        <v>34606156</v>
      </c>
      <c r="AW11" s="134">
        <v>1080987</v>
      </c>
      <c r="AX11" s="122">
        <v>63953299</v>
      </c>
      <c r="AY11" s="179">
        <v>1509</v>
      </c>
      <c r="AZ11" s="130">
        <v>35428</v>
      </c>
      <c r="BA11" s="121" t="s">
        <v>47</v>
      </c>
      <c r="BB11" s="133">
        <v>12859</v>
      </c>
      <c r="BC11" s="122">
        <v>5196472</v>
      </c>
      <c r="BD11" s="151"/>
      <c r="BE11" s="151"/>
      <c r="BF11" s="122">
        <v>13105</v>
      </c>
      <c r="BG11" s="122">
        <v>673430</v>
      </c>
      <c r="BH11" s="152">
        <v>4160</v>
      </c>
      <c r="BI11" s="152">
        <v>340057</v>
      </c>
      <c r="BJ11" s="152">
        <v>21</v>
      </c>
      <c r="BK11" s="152">
        <v>3539</v>
      </c>
      <c r="BL11" s="124">
        <v>118489</v>
      </c>
      <c r="BM11" s="124">
        <v>1070764</v>
      </c>
      <c r="BN11" s="133">
        <v>148634</v>
      </c>
      <c r="BO11" s="122">
        <v>7284262</v>
      </c>
      <c r="BP11" s="128">
        <v>40916473</v>
      </c>
      <c r="BQ11" s="123">
        <v>770952293</v>
      </c>
      <c r="BR11" s="121" t="s">
        <v>47</v>
      </c>
      <c r="BS11" s="153">
        <v>18.097000000000001</v>
      </c>
      <c r="BT11" s="154">
        <v>790.91600000000005</v>
      </c>
      <c r="BU11" s="154">
        <v>181.572</v>
      </c>
      <c r="BV11" s="154">
        <v>990.58600000000001</v>
      </c>
      <c r="BW11" s="155">
        <v>14.3</v>
      </c>
      <c r="BX11" s="156">
        <v>1.62</v>
      </c>
      <c r="BY11" s="156">
        <v>2.0099999999999998</v>
      </c>
      <c r="BZ11" s="156">
        <v>1.92</v>
      </c>
      <c r="CA11" s="180">
        <v>39714</v>
      </c>
      <c r="CB11" s="180">
        <v>13045</v>
      </c>
      <c r="CC11" s="180">
        <v>6526</v>
      </c>
      <c r="CD11" s="181">
        <v>15784</v>
      </c>
    </row>
    <row r="12" spans="1:83" s="38" customFormat="1" ht="14.4" customHeight="1" x14ac:dyDescent="0.15">
      <c r="A12" s="121" t="s">
        <v>48</v>
      </c>
      <c r="B12" s="122">
        <v>458456</v>
      </c>
      <c r="C12" s="122">
        <v>6508004</v>
      </c>
      <c r="D12" s="122">
        <v>251741580</v>
      </c>
      <c r="E12" s="122">
        <v>19953287</v>
      </c>
      <c r="F12" s="122">
        <v>31984631</v>
      </c>
      <c r="G12" s="122">
        <v>268931298</v>
      </c>
      <c r="H12" s="122">
        <v>4667941</v>
      </c>
      <c r="I12" s="122">
        <v>9173438</v>
      </c>
      <c r="J12" s="122">
        <v>61202520</v>
      </c>
      <c r="K12" s="122">
        <v>25079684</v>
      </c>
      <c r="L12" s="122">
        <v>47666073</v>
      </c>
      <c r="M12" s="122">
        <v>581875398</v>
      </c>
      <c r="N12" s="122">
        <v>14180671</v>
      </c>
      <c r="O12" s="122">
        <v>17447485</v>
      </c>
      <c r="P12" s="123">
        <v>159169633</v>
      </c>
      <c r="Q12" s="121" t="s">
        <v>48</v>
      </c>
      <c r="R12" s="124">
        <v>432736</v>
      </c>
      <c r="S12" s="124">
        <v>16653763</v>
      </c>
      <c r="T12" s="125">
        <v>11101131</v>
      </c>
      <c r="U12" s="126">
        <v>38065</v>
      </c>
      <c r="V12" s="127">
        <v>231861</v>
      </c>
      <c r="W12" s="127">
        <v>2495889</v>
      </c>
      <c r="X12" s="127">
        <v>39298420</v>
      </c>
      <c r="Y12" s="122">
        <v>754642052</v>
      </c>
      <c r="Z12" s="128">
        <v>8496</v>
      </c>
      <c r="AA12" s="122">
        <v>35696</v>
      </c>
      <c r="AB12" s="122">
        <v>583052</v>
      </c>
      <c r="AC12" s="129">
        <v>18212</v>
      </c>
      <c r="AD12" s="129">
        <v>649673</v>
      </c>
      <c r="AE12" s="129">
        <v>1015032</v>
      </c>
      <c r="AF12" s="129">
        <v>8190087</v>
      </c>
      <c r="AG12" s="129">
        <v>62166</v>
      </c>
      <c r="AH12" s="130">
        <v>1839907</v>
      </c>
      <c r="AI12" s="121" t="s">
        <v>48</v>
      </c>
      <c r="AJ12" s="129">
        <v>44344</v>
      </c>
      <c r="AK12" s="129">
        <v>621140</v>
      </c>
      <c r="AL12" s="122">
        <v>88</v>
      </c>
      <c r="AM12" s="122">
        <v>1257</v>
      </c>
      <c r="AN12" s="122">
        <v>1175538</v>
      </c>
      <c r="AO12" s="122">
        <v>11885117</v>
      </c>
      <c r="AP12" s="131">
        <v>57</v>
      </c>
      <c r="AQ12" s="132">
        <v>5817</v>
      </c>
      <c r="AR12" s="133">
        <v>40482511</v>
      </c>
      <c r="AS12" s="123">
        <v>766532986</v>
      </c>
      <c r="AT12" s="133">
        <v>559880323</v>
      </c>
      <c r="AU12" s="122">
        <v>172416568</v>
      </c>
      <c r="AV12" s="129">
        <v>34236094</v>
      </c>
      <c r="AW12" s="134">
        <v>1154771</v>
      </c>
      <c r="AX12" s="122">
        <v>65478994</v>
      </c>
      <c r="AY12" s="179">
        <v>1761</v>
      </c>
      <c r="AZ12" s="130">
        <v>38341</v>
      </c>
      <c r="BA12" s="121" t="s">
        <v>48</v>
      </c>
      <c r="BB12" s="133">
        <v>12223</v>
      </c>
      <c r="BC12" s="122">
        <v>4930063</v>
      </c>
      <c r="BD12" s="151" t="s">
        <v>10</v>
      </c>
      <c r="BE12" s="151" t="s">
        <v>10</v>
      </c>
      <c r="BF12" s="122">
        <v>13149</v>
      </c>
      <c r="BG12" s="122">
        <v>672490</v>
      </c>
      <c r="BH12" s="152">
        <v>4051</v>
      </c>
      <c r="BI12" s="152">
        <v>338086</v>
      </c>
      <c r="BJ12" s="152">
        <v>19</v>
      </c>
      <c r="BK12" s="152">
        <v>3375</v>
      </c>
      <c r="BL12" s="124">
        <v>39696</v>
      </c>
      <c r="BM12" s="124">
        <v>608203</v>
      </c>
      <c r="BN12" s="133">
        <v>69138</v>
      </c>
      <c r="BO12" s="122">
        <v>6552217</v>
      </c>
      <c r="BP12" s="128">
        <v>40551649</v>
      </c>
      <c r="BQ12" s="123">
        <v>773085203</v>
      </c>
      <c r="BR12" s="121" t="s">
        <v>48</v>
      </c>
      <c r="BS12" s="153">
        <v>18.440999999999999</v>
      </c>
      <c r="BT12" s="154">
        <v>802.58399999999995</v>
      </c>
      <c r="BU12" s="154">
        <v>187.75899999999999</v>
      </c>
      <c r="BV12" s="154">
        <v>1008.783</v>
      </c>
      <c r="BW12" s="155">
        <v>14.305999999999999</v>
      </c>
      <c r="BX12" s="155">
        <v>1.603</v>
      </c>
      <c r="BY12" s="155">
        <v>1.9650000000000001</v>
      </c>
      <c r="BZ12" s="155">
        <v>1.901</v>
      </c>
      <c r="CA12" s="180">
        <v>40388</v>
      </c>
      <c r="CB12" s="180">
        <v>13385</v>
      </c>
      <c r="CC12" s="180">
        <v>6672</v>
      </c>
      <c r="CD12" s="181">
        <v>15755</v>
      </c>
    </row>
    <row r="13" spans="1:83" s="38" customFormat="1" ht="14.4" customHeight="1" x14ac:dyDescent="0.15">
      <c r="A13" s="121" t="s">
        <v>49</v>
      </c>
      <c r="B13" s="122">
        <v>453793</v>
      </c>
      <c r="C13" s="122">
        <v>6429721</v>
      </c>
      <c r="D13" s="122">
        <v>253468725</v>
      </c>
      <c r="E13" s="122">
        <v>19627000</v>
      </c>
      <c r="F13" s="122">
        <v>31181606</v>
      </c>
      <c r="G13" s="122">
        <v>270508268</v>
      </c>
      <c r="H13" s="122">
        <v>4609063</v>
      </c>
      <c r="I13" s="122">
        <v>8881754</v>
      </c>
      <c r="J13" s="122">
        <v>60391530</v>
      </c>
      <c r="K13" s="122">
        <v>24689856</v>
      </c>
      <c r="L13" s="122">
        <v>46493081</v>
      </c>
      <c r="M13" s="122">
        <v>584368522</v>
      </c>
      <c r="N13" s="122">
        <v>14016333</v>
      </c>
      <c r="O13" s="122">
        <v>17113569</v>
      </c>
      <c r="P13" s="123">
        <v>169610673</v>
      </c>
      <c r="Q13" s="121" t="s">
        <v>49</v>
      </c>
      <c r="R13" s="124">
        <v>428649</v>
      </c>
      <c r="S13" s="124">
        <v>16310058</v>
      </c>
      <c r="T13" s="125">
        <v>10962582</v>
      </c>
      <c r="U13" s="126">
        <v>44913</v>
      </c>
      <c r="V13" s="127">
        <v>282872</v>
      </c>
      <c r="W13" s="127">
        <v>3049873</v>
      </c>
      <c r="X13" s="127">
        <v>38751102</v>
      </c>
      <c r="Y13" s="122">
        <v>767991650</v>
      </c>
      <c r="Z13" s="128">
        <v>7659</v>
      </c>
      <c r="AA13" s="122">
        <v>34512</v>
      </c>
      <c r="AB13" s="122">
        <v>594075</v>
      </c>
      <c r="AC13" s="129">
        <v>17885</v>
      </c>
      <c r="AD13" s="129">
        <v>650460</v>
      </c>
      <c r="AE13" s="129">
        <v>972178</v>
      </c>
      <c r="AF13" s="129">
        <v>7654844</v>
      </c>
      <c r="AG13" s="129">
        <v>64941</v>
      </c>
      <c r="AH13" s="130">
        <v>1969349</v>
      </c>
      <c r="AI13" s="121" t="s">
        <v>49</v>
      </c>
      <c r="AJ13" s="129">
        <v>45151</v>
      </c>
      <c r="AK13" s="129">
        <v>634275</v>
      </c>
      <c r="AL13" s="122">
        <v>96</v>
      </c>
      <c r="AM13" s="122">
        <v>1484</v>
      </c>
      <c r="AN13" s="122">
        <v>1134763</v>
      </c>
      <c r="AO13" s="122">
        <v>11504487</v>
      </c>
      <c r="AP13" s="131">
        <v>60</v>
      </c>
      <c r="AQ13" s="132">
        <v>5445</v>
      </c>
      <c r="AR13" s="133">
        <v>39893584</v>
      </c>
      <c r="AS13" s="123">
        <v>779501583</v>
      </c>
      <c r="AT13" s="133">
        <v>569381513</v>
      </c>
      <c r="AU13" s="122">
        <v>177932180</v>
      </c>
      <c r="AV13" s="129">
        <v>32187889</v>
      </c>
      <c r="AW13" s="134">
        <v>1282260</v>
      </c>
      <c r="AX13" s="122">
        <v>70420114</v>
      </c>
      <c r="AY13" s="179">
        <v>2038</v>
      </c>
      <c r="AZ13" s="130">
        <v>43330</v>
      </c>
      <c r="BA13" s="121" t="s">
        <v>49</v>
      </c>
      <c r="BB13" s="133">
        <v>11512</v>
      </c>
      <c r="BC13" s="122">
        <v>4622579</v>
      </c>
      <c r="BD13" s="151" t="s">
        <v>10</v>
      </c>
      <c r="BE13" s="151" t="s">
        <v>10</v>
      </c>
      <c r="BF13" s="122">
        <v>12757</v>
      </c>
      <c r="BG13" s="122">
        <v>652225</v>
      </c>
      <c r="BH13" s="152">
        <v>4117</v>
      </c>
      <c r="BI13" s="152">
        <v>322889</v>
      </c>
      <c r="BJ13" s="152">
        <v>25</v>
      </c>
      <c r="BK13" s="152">
        <v>3815</v>
      </c>
      <c r="BL13" s="124">
        <v>13099</v>
      </c>
      <c r="BM13" s="124">
        <v>411041</v>
      </c>
      <c r="BN13" s="133">
        <v>41510</v>
      </c>
      <c r="BO13" s="122">
        <v>6012550</v>
      </c>
      <c r="BP13" s="128">
        <v>39935094</v>
      </c>
      <c r="BQ13" s="123">
        <v>785514132</v>
      </c>
      <c r="BR13" s="121" t="s">
        <v>49</v>
      </c>
      <c r="BS13" s="153">
        <v>18.927</v>
      </c>
      <c r="BT13" s="154">
        <v>818.60400000000004</v>
      </c>
      <c r="BU13" s="154">
        <v>192.23500000000001</v>
      </c>
      <c r="BV13" s="154">
        <v>1029.7660000000001</v>
      </c>
      <c r="BW13" s="155">
        <v>14.169</v>
      </c>
      <c r="BX13" s="155">
        <v>1.589</v>
      </c>
      <c r="BY13" s="155">
        <v>1.927</v>
      </c>
      <c r="BZ13" s="155">
        <v>1.883</v>
      </c>
      <c r="CA13" s="180">
        <v>41126</v>
      </c>
      <c r="CB13" s="180">
        <v>14115</v>
      </c>
      <c r="CC13" s="180">
        <v>6800</v>
      </c>
      <c r="CD13" s="181">
        <v>16419</v>
      </c>
    </row>
    <row r="14" spans="1:83" s="38" customFormat="1" ht="14.4" customHeight="1" x14ac:dyDescent="0.15">
      <c r="A14" s="121" t="s">
        <v>50</v>
      </c>
      <c r="B14" s="122">
        <v>439524</v>
      </c>
      <c r="C14" s="122">
        <v>6222944</v>
      </c>
      <c r="D14" s="122">
        <v>246326675</v>
      </c>
      <c r="E14" s="122">
        <v>18845679</v>
      </c>
      <c r="F14" s="122">
        <v>29608514</v>
      </c>
      <c r="G14" s="122">
        <v>263420264</v>
      </c>
      <c r="H14" s="122">
        <v>4412159</v>
      </c>
      <c r="I14" s="122">
        <v>8347420</v>
      </c>
      <c r="J14" s="122">
        <v>57630944</v>
      </c>
      <c r="K14" s="122">
        <v>23697362</v>
      </c>
      <c r="L14" s="122">
        <v>44178878</v>
      </c>
      <c r="M14" s="122">
        <v>567377884</v>
      </c>
      <c r="N14" s="122">
        <v>13536425</v>
      </c>
      <c r="O14" s="122">
        <v>16605686</v>
      </c>
      <c r="P14" s="123">
        <v>156458046</v>
      </c>
      <c r="Q14" s="121" t="s">
        <v>51</v>
      </c>
      <c r="R14" s="124">
        <v>414849</v>
      </c>
      <c r="S14" s="124">
        <v>15819563</v>
      </c>
      <c r="T14" s="125">
        <v>10514972</v>
      </c>
      <c r="U14" s="126">
        <v>50674</v>
      </c>
      <c r="V14" s="127">
        <v>317681</v>
      </c>
      <c r="W14" s="127">
        <v>3421437</v>
      </c>
      <c r="X14" s="127">
        <v>37284461</v>
      </c>
      <c r="Y14" s="122">
        <v>737772339</v>
      </c>
      <c r="Z14" s="128">
        <v>5058</v>
      </c>
      <c r="AA14" s="122">
        <v>34060</v>
      </c>
      <c r="AB14" s="122">
        <v>586185</v>
      </c>
      <c r="AC14" s="129">
        <v>17335</v>
      </c>
      <c r="AD14" s="129">
        <v>627782</v>
      </c>
      <c r="AE14" s="129">
        <v>890828</v>
      </c>
      <c r="AF14" s="129">
        <v>6836896</v>
      </c>
      <c r="AG14" s="129">
        <v>65101</v>
      </c>
      <c r="AH14" s="130">
        <v>1975280</v>
      </c>
      <c r="AI14" s="121" t="s">
        <v>50</v>
      </c>
      <c r="AJ14" s="129">
        <v>43922</v>
      </c>
      <c r="AK14" s="129">
        <v>605571</v>
      </c>
      <c r="AL14" s="122">
        <v>128</v>
      </c>
      <c r="AM14" s="122">
        <v>5164</v>
      </c>
      <c r="AN14" s="122">
        <v>1051374</v>
      </c>
      <c r="AO14" s="122">
        <v>10636879</v>
      </c>
      <c r="AP14" s="131">
        <v>82</v>
      </c>
      <c r="AQ14" s="132">
        <v>8104</v>
      </c>
      <c r="AR14" s="133">
        <v>38340975</v>
      </c>
      <c r="AS14" s="123">
        <v>748417322</v>
      </c>
      <c r="AT14" s="133">
        <v>545309916</v>
      </c>
      <c r="AU14" s="122">
        <v>174195047</v>
      </c>
      <c r="AV14" s="129">
        <v>28912359</v>
      </c>
      <c r="AW14" s="134">
        <v>1335831</v>
      </c>
      <c r="AX14" s="122">
        <v>71892443</v>
      </c>
      <c r="AY14" s="179">
        <v>2210</v>
      </c>
      <c r="AZ14" s="130">
        <v>51407</v>
      </c>
      <c r="BA14" s="121" t="s">
        <v>50</v>
      </c>
      <c r="BB14" s="133">
        <v>10398</v>
      </c>
      <c r="BC14" s="122">
        <v>4183866</v>
      </c>
      <c r="BD14" s="151" t="s">
        <v>10</v>
      </c>
      <c r="BE14" s="151" t="s">
        <v>10</v>
      </c>
      <c r="BF14" s="122">
        <v>12295</v>
      </c>
      <c r="BG14" s="122">
        <v>631680</v>
      </c>
      <c r="BH14" s="152">
        <v>3814</v>
      </c>
      <c r="BI14" s="152">
        <v>289331</v>
      </c>
      <c r="BJ14" s="152">
        <v>18</v>
      </c>
      <c r="BK14" s="152">
        <v>3397</v>
      </c>
      <c r="BL14" s="124">
        <v>11859</v>
      </c>
      <c r="BM14" s="124">
        <v>350125</v>
      </c>
      <c r="BN14" s="133">
        <v>38384</v>
      </c>
      <c r="BO14" s="122">
        <v>5458399</v>
      </c>
      <c r="BP14" s="128">
        <v>38379359</v>
      </c>
      <c r="BQ14" s="123">
        <v>753875721</v>
      </c>
      <c r="BR14" s="121" t="s">
        <v>51</v>
      </c>
      <c r="BS14" s="153">
        <v>19.251999999999999</v>
      </c>
      <c r="BT14" s="154">
        <v>825.49199999999996</v>
      </c>
      <c r="BU14" s="154">
        <v>193.26499999999999</v>
      </c>
      <c r="BV14" s="154">
        <v>1038.009</v>
      </c>
      <c r="BW14" s="155">
        <v>14.157999999999999</v>
      </c>
      <c r="BX14" s="155">
        <v>1.571</v>
      </c>
      <c r="BY14" s="155">
        <v>1.8919999999999999</v>
      </c>
      <c r="BZ14" s="155">
        <v>1.8640000000000001</v>
      </c>
      <c r="CA14" s="180">
        <v>41273</v>
      </c>
      <c r="CB14" s="180">
        <v>14181</v>
      </c>
      <c r="CC14" s="180">
        <v>6904</v>
      </c>
      <c r="CD14" s="181">
        <v>16580</v>
      </c>
    </row>
    <row r="15" spans="1:83" s="38" customFormat="1" ht="14.4" customHeight="1" x14ac:dyDescent="0.15">
      <c r="A15" s="121" t="s">
        <v>65</v>
      </c>
      <c r="B15" s="122">
        <v>422214</v>
      </c>
      <c r="C15" s="122">
        <v>6036632</v>
      </c>
      <c r="D15" s="122">
        <v>241007895</v>
      </c>
      <c r="E15" s="124">
        <v>17834279</v>
      </c>
      <c r="F15" s="122">
        <v>27809580</v>
      </c>
      <c r="G15" s="122">
        <v>254494751</v>
      </c>
      <c r="H15" s="122">
        <v>4214715</v>
      </c>
      <c r="I15" s="122">
        <v>7796977</v>
      </c>
      <c r="J15" s="122">
        <v>54757609</v>
      </c>
      <c r="K15" s="122">
        <v>22471208</v>
      </c>
      <c r="L15" s="124">
        <v>41643189</v>
      </c>
      <c r="M15" s="122">
        <v>550260255</v>
      </c>
      <c r="N15" s="122">
        <v>12878745</v>
      </c>
      <c r="O15" s="122">
        <v>15850503</v>
      </c>
      <c r="P15" s="123">
        <v>148951078</v>
      </c>
      <c r="Q15" s="121" t="s">
        <v>65</v>
      </c>
      <c r="R15" s="124">
        <v>398943</v>
      </c>
      <c r="S15" s="124">
        <v>15955551</v>
      </c>
      <c r="T15" s="125">
        <v>10210738</v>
      </c>
      <c r="U15" s="126">
        <v>58556</v>
      </c>
      <c r="V15" s="127">
        <v>366023</v>
      </c>
      <c r="W15" s="127">
        <v>3969499</v>
      </c>
      <c r="X15" s="127">
        <v>35408509</v>
      </c>
      <c r="Y15" s="122">
        <v>713391571</v>
      </c>
      <c r="Z15" s="128">
        <v>4951</v>
      </c>
      <c r="AA15" s="124">
        <v>33058</v>
      </c>
      <c r="AB15" s="122">
        <v>578598</v>
      </c>
      <c r="AC15" s="129">
        <v>16394</v>
      </c>
      <c r="AD15" s="129">
        <v>581992</v>
      </c>
      <c r="AE15" s="129">
        <v>807109</v>
      </c>
      <c r="AF15" s="129">
        <v>6058425</v>
      </c>
      <c r="AG15" s="129">
        <v>64174</v>
      </c>
      <c r="AH15" s="130">
        <v>1924179</v>
      </c>
      <c r="AI15" s="121" t="s">
        <v>65</v>
      </c>
      <c r="AJ15" s="129">
        <v>41212</v>
      </c>
      <c r="AK15" s="129">
        <v>573576</v>
      </c>
      <c r="AL15" s="122">
        <v>107</v>
      </c>
      <c r="AM15" s="122">
        <v>2603</v>
      </c>
      <c r="AN15" s="122">
        <v>962054</v>
      </c>
      <c r="AO15" s="122">
        <v>9719373</v>
      </c>
      <c r="AP15" s="131">
        <v>66</v>
      </c>
      <c r="AQ15" s="132">
        <v>7699</v>
      </c>
      <c r="AR15" s="133">
        <v>36375580</v>
      </c>
      <c r="AS15" s="123">
        <v>723118643</v>
      </c>
      <c r="AT15" s="182">
        <v>527621001</v>
      </c>
      <c r="AU15" s="122">
        <v>169356570</v>
      </c>
      <c r="AV15" s="129">
        <v>26141072</v>
      </c>
      <c r="AW15" s="134">
        <v>1351526</v>
      </c>
      <c r="AX15" s="122">
        <v>69574712</v>
      </c>
      <c r="AY15" s="179">
        <v>2295</v>
      </c>
      <c r="AZ15" s="130">
        <v>54434</v>
      </c>
      <c r="BA15" s="121" t="s">
        <v>65</v>
      </c>
      <c r="BB15" s="133">
        <v>8901</v>
      </c>
      <c r="BC15" s="124">
        <v>3581407</v>
      </c>
      <c r="BD15" s="172" t="s">
        <v>10</v>
      </c>
      <c r="BE15" s="172" t="s">
        <v>10</v>
      </c>
      <c r="BF15" s="122">
        <v>11694</v>
      </c>
      <c r="BG15" s="122">
        <v>598360</v>
      </c>
      <c r="BH15" s="152">
        <v>3800</v>
      </c>
      <c r="BI15" s="152">
        <v>268277</v>
      </c>
      <c r="BJ15" s="152">
        <v>17</v>
      </c>
      <c r="BK15" s="152">
        <v>5804</v>
      </c>
      <c r="BL15" s="124">
        <v>10894</v>
      </c>
      <c r="BM15" s="124">
        <v>312649</v>
      </c>
      <c r="BN15" s="122">
        <v>35306</v>
      </c>
      <c r="BO15" s="122">
        <v>4766497</v>
      </c>
      <c r="BP15" s="128">
        <v>36410886</v>
      </c>
      <c r="BQ15" s="123">
        <v>727885140</v>
      </c>
      <c r="BR15" s="121" t="s">
        <v>65</v>
      </c>
      <c r="BS15" s="153">
        <v>19.672999999999998</v>
      </c>
      <c r="BT15" s="183">
        <v>830.96799999999996</v>
      </c>
      <c r="BU15" s="154">
        <v>196.38</v>
      </c>
      <c r="BV15" s="154">
        <v>1047.02</v>
      </c>
      <c r="BW15" s="155">
        <v>14.298</v>
      </c>
      <c r="BX15" s="155">
        <v>1.5589999999999999</v>
      </c>
      <c r="BY15" s="155">
        <v>1.85</v>
      </c>
      <c r="BZ15" s="155">
        <v>1.853</v>
      </c>
      <c r="CA15" s="184">
        <v>41616</v>
      </c>
      <c r="CB15" s="180">
        <v>14507</v>
      </c>
      <c r="CC15" s="180">
        <v>7023</v>
      </c>
      <c r="CD15" s="181">
        <v>16982</v>
      </c>
    </row>
    <row r="16" spans="1:83" s="38" customFormat="1" ht="14.4" customHeight="1" x14ac:dyDescent="0.15">
      <c r="A16" s="137" t="s">
        <v>88</v>
      </c>
      <c r="B16" s="139">
        <v>407684</v>
      </c>
      <c r="C16" s="139">
        <v>5863040</v>
      </c>
      <c r="D16" s="139">
        <v>237466084</v>
      </c>
      <c r="E16" s="139">
        <v>17221347</v>
      </c>
      <c r="F16" s="139">
        <v>26536225</v>
      </c>
      <c r="G16" s="139">
        <v>249179310</v>
      </c>
      <c r="H16" s="139">
        <v>4064419</v>
      </c>
      <c r="I16" s="139">
        <v>7363940</v>
      </c>
      <c r="J16" s="139">
        <v>52821688</v>
      </c>
      <c r="K16" s="139">
        <v>21693450</v>
      </c>
      <c r="L16" s="139">
        <v>39763205</v>
      </c>
      <c r="M16" s="139">
        <v>539467082</v>
      </c>
      <c r="N16" s="142">
        <v>12490580</v>
      </c>
      <c r="O16" s="139">
        <v>14940330</v>
      </c>
      <c r="P16" s="144">
        <v>139082023</v>
      </c>
      <c r="Q16" s="137" t="s">
        <v>88</v>
      </c>
      <c r="R16" s="142">
        <v>385622</v>
      </c>
      <c r="S16" s="142">
        <v>15014601</v>
      </c>
      <c r="T16" s="185">
        <v>9929778</v>
      </c>
      <c r="U16" s="186">
        <v>64656</v>
      </c>
      <c r="V16" s="187">
        <v>412886</v>
      </c>
      <c r="W16" s="187">
        <v>4567885</v>
      </c>
      <c r="X16" s="187">
        <v>34248686</v>
      </c>
      <c r="Y16" s="139">
        <v>693046769</v>
      </c>
      <c r="Z16" s="143">
        <v>4879</v>
      </c>
      <c r="AA16" s="142">
        <v>34017</v>
      </c>
      <c r="AB16" s="139">
        <v>536991</v>
      </c>
      <c r="AC16" s="188">
        <v>16061</v>
      </c>
      <c r="AD16" s="188">
        <v>584222</v>
      </c>
      <c r="AE16" s="188">
        <v>735484</v>
      </c>
      <c r="AF16" s="188">
        <v>5408311</v>
      </c>
      <c r="AG16" s="188">
        <v>59581</v>
      </c>
      <c r="AH16" s="136">
        <v>1841479</v>
      </c>
      <c r="AI16" s="137" t="s">
        <v>88</v>
      </c>
      <c r="AJ16" s="188">
        <v>37890</v>
      </c>
      <c r="AK16" s="188">
        <v>525155</v>
      </c>
      <c r="AL16" s="139">
        <v>130</v>
      </c>
      <c r="AM16" s="139">
        <v>8404</v>
      </c>
      <c r="AN16" s="139">
        <v>883163</v>
      </c>
      <c r="AO16" s="139">
        <v>8904562</v>
      </c>
      <c r="AP16" s="5">
        <v>45</v>
      </c>
      <c r="AQ16" s="50">
        <v>1538</v>
      </c>
      <c r="AR16" s="189">
        <v>35136773</v>
      </c>
      <c r="AS16" s="144">
        <v>701952869</v>
      </c>
      <c r="AT16" s="138">
        <v>512393564</v>
      </c>
      <c r="AU16" s="139">
        <v>166775026</v>
      </c>
      <c r="AV16" s="188">
        <v>22784279</v>
      </c>
      <c r="AW16" s="190">
        <v>1345392</v>
      </c>
      <c r="AX16" s="139">
        <v>69319528</v>
      </c>
      <c r="AY16" s="191">
        <v>2168</v>
      </c>
      <c r="AZ16" s="136">
        <v>52948</v>
      </c>
      <c r="BA16" s="137" t="s">
        <v>88</v>
      </c>
      <c r="BB16" s="138">
        <v>8209</v>
      </c>
      <c r="BC16" s="139">
        <v>3326810</v>
      </c>
      <c r="BD16" s="140" t="s">
        <v>10</v>
      </c>
      <c r="BE16" s="140" t="s">
        <v>10</v>
      </c>
      <c r="BF16" s="139">
        <v>11427</v>
      </c>
      <c r="BG16" s="139">
        <v>584550</v>
      </c>
      <c r="BH16" s="141">
        <v>3924</v>
      </c>
      <c r="BI16" s="141">
        <v>274946</v>
      </c>
      <c r="BJ16" s="141">
        <v>24</v>
      </c>
      <c r="BK16" s="141">
        <v>9282</v>
      </c>
      <c r="BL16" s="142">
        <v>10672</v>
      </c>
      <c r="BM16" s="142">
        <v>320877</v>
      </c>
      <c r="BN16" s="138">
        <v>34256</v>
      </c>
      <c r="BO16" s="139">
        <v>4516465</v>
      </c>
      <c r="BP16" s="143">
        <v>35171029</v>
      </c>
      <c r="BQ16" s="144">
        <v>706469335</v>
      </c>
      <c r="BR16" s="137" t="s">
        <v>88</v>
      </c>
      <c r="BS16" s="145">
        <v>19.536000000000001</v>
      </c>
      <c r="BT16" s="146">
        <v>825.221</v>
      </c>
      <c r="BU16" s="192">
        <v>194.761</v>
      </c>
      <c r="BV16" s="146">
        <v>1039.518</v>
      </c>
      <c r="BW16" s="147">
        <v>14.381</v>
      </c>
      <c r="BX16" s="147">
        <v>1.5409999999999999</v>
      </c>
      <c r="BY16" s="147">
        <v>1.8120000000000001</v>
      </c>
      <c r="BZ16" s="147">
        <v>1.833</v>
      </c>
      <c r="CA16" s="193">
        <v>42196</v>
      </c>
      <c r="CB16" s="193">
        <v>14631</v>
      </c>
      <c r="CC16" s="193">
        <v>7173</v>
      </c>
      <c r="CD16" s="194">
        <v>17250</v>
      </c>
    </row>
    <row r="17" spans="1:82" s="15" customFormat="1" ht="14.4" customHeight="1" thickBot="1" x14ac:dyDescent="0.2">
      <c r="A17" s="195" t="s">
        <v>66</v>
      </c>
      <c r="B17" s="196">
        <v>392265</v>
      </c>
      <c r="C17" s="196">
        <v>5688928</v>
      </c>
      <c r="D17" s="196">
        <v>233219669</v>
      </c>
      <c r="E17" s="196">
        <v>16554437</v>
      </c>
      <c r="F17" s="196">
        <v>25313767</v>
      </c>
      <c r="G17" s="196">
        <v>244545603</v>
      </c>
      <c r="H17" s="196">
        <v>4012892</v>
      </c>
      <c r="I17" s="196">
        <v>7080013</v>
      </c>
      <c r="J17" s="196">
        <v>51635763</v>
      </c>
      <c r="K17" s="196">
        <v>20959594</v>
      </c>
      <c r="L17" s="196">
        <v>38082708</v>
      </c>
      <c r="M17" s="196">
        <v>529401035</v>
      </c>
      <c r="N17" s="196">
        <v>12075291</v>
      </c>
      <c r="O17" s="196">
        <v>14346212</v>
      </c>
      <c r="P17" s="197">
        <v>138442297</v>
      </c>
      <c r="Q17" s="195" t="s">
        <v>66</v>
      </c>
      <c r="R17" s="198">
        <v>371428</v>
      </c>
      <c r="S17" s="198">
        <v>14695903</v>
      </c>
      <c r="T17" s="199">
        <v>9655896</v>
      </c>
      <c r="U17" s="200">
        <v>71944</v>
      </c>
      <c r="V17" s="201">
        <v>462125</v>
      </c>
      <c r="W17" s="201">
        <v>5232202</v>
      </c>
      <c r="X17" s="201">
        <v>33106829</v>
      </c>
      <c r="Y17" s="196">
        <v>682731430</v>
      </c>
      <c r="Z17" s="202">
        <v>4600</v>
      </c>
      <c r="AA17" s="196">
        <v>33855</v>
      </c>
      <c r="AB17" s="196">
        <v>629383</v>
      </c>
      <c r="AC17" s="196">
        <v>15377</v>
      </c>
      <c r="AD17" s="196">
        <v>575011</v>
      </c>
      <c r="AE17" s="196">
        <v>673897</v>
      </c>
      <c r="AF17" s="196">
        <v>4848797</v>
      </c>
      <c r="AG17" s="196">
        <v>57537</v>
      </c>
      <c r="AH17" s="197">
        <v>1788476</v>
      </c>
      <c r="AI17" s="195" t="s">
        <v>66</v>
      </c>
      <c r="AJ17" s="196">
        <v>35819</v>
      </c>
      <c r="AK17" s="196">
        <v>482167</v>
      </c>
      <c r="AL17" s="196">
        <v>153</v>
      </c>
      <c r="AM17" s="196">
        <v>2482</v>
      </c>
      <c r="AN17" s="196">
        <v>816638</v>
      </c>
      <c r="AO17" s="196">
        <v>8326317</v>
      </c>
      <c r="AP17" s="92">
        <v>33</v>
      </c>
      <c r="AQ17" s="94">
        <v>5657</v>
      </c>
      <c r="AR17" s="202">
        <v>33928100</v>
      </c>
      <c r="AS17" s="197">
        <v>691063403</v>
      </c>
      <c r="AT17" s="203">
        <v>505337586</v>
      </c>
      <c r="AU17" s="196">
        <v>164683931</v>
      </c>
      <c r="AV17" s="196">
        <v>21041886</v>
      </c>
      <c r="AW17" s="204">
        <v>1354619</v>
      </c>
      <c r="AX17" s="196">
        <v>69652956</v>
      </c>
      <c r="AY17" s="202">
        <v>2407</v>
      </c>
      <c r="AZ17" s="197">
        <v>60324</v>
      </c>
      <c r="BA17" s="195" t="s">
        <v>66</v>
      </c>
      <c r="BB17" s="203">
        <v>7607</v>
      </c>
      <c r="BC17" s="196">
        <v>3090119</v>
      </c>
      <c r="BD17" s="205" t="s">
        <v>10</v>
      </c>
      <c r="BE17" s="205" t="s">
        <v>10</v>
      </c>
      <c r="BF17" s="196">
        <v>10802</v>
      </c>
      <c r="BG17" s="196">
        <v>551180</v>
      </c>
      <c r="BH17" s="198">
        <v>3881</v>
      </c>
      <c r="BI17" s="198">
        <v>272991</v>
      </c>
      <c r="BJ17" s="198">
        <v>32</v>
      </c>
      <c r="BK17" s="198">
        <v>12099</v>
      </c>
      <c r="BL17" s="198">
        <v>10692</v>
      </c>
      <c r="BM17" s="198">
        <v>335565</v>
      </c>
      <c r="BN17" s="198">
        <v>33014</v>
      </c>
      <c r="BO17" s="196">
        <v>4261954</v>
      </c>
      <c r="BP17" s="202">
        <v>33961114</v>
      </c>
      <c r="BQ17" s="197">
        <v>695325357</v>
      </c>
      <c r="BR17" s="195" t="s">
        <v>66</v>
      </c>
      <c r="BS17" s="206">
        <v>19.977</v>
      </c>
      <c r="BT17" s="207">
        <v>843.06700000000001</v>
      </c>
      <c r="BU17" s="207">
        <v>204.364</v>
      </c>
      <c r="BV17" s="207">
        <v>1067.4079999999999</v>
      </c>
      <c r="BW17" s="208">
        <v>14.503</v>
      </c>
      <c r="BX17" s="209">
        <v>1.5289999999999999</v>
      </c>
      <c r="BY17" s="209">
        <v>1.764</v>
      </c>
      <c r="BZ17" s="209">
        <v>1.8169999999999999</v>
      </c>
      <c r="CA17" s="210">
        <v>42693</v>
      </c>
      <c r="CB17" s="196">
        <v>15130</v>
      </c>
      <c r="CC17" s="196">
        <v>7293</v>
      </c>
      <c r="CD17" s="197">
        <v>17713</v>
      </c>
    </row>
    <row r="18" spans="1:82" s="15" customFormat="1" ht="15" customHeight="1" thickTop="1" thickBot="1" x14ac:dyDescent="0.2">
      <c r="A18" s="211" t="s">
        <v>89</v>
      </c>
      <c r="B18" s="212">
        <v>364043</v>
      </c>
      <c r="C18" s="212">
        <v>5276164</v>
      </c>
      <c r="D18" s="212">
        <v>219550223</v>
      </c>
      <c r="E18" s="212">
        <v>14626845</v>
      </c>
      <c r="F18" s="212">
        <v>22041530</v>
      </c>
      <c r="G18" s="212">
        <v>228240018</v>
      </c>
      <c r="H18" s="212">
        <v>3466804</v>
      </c>
      <c r="I18" s="212">
        <v>6147906</v>
      </c>
      <c r="J18" s="212">
        <v>48010720</v>
      </c>
      <c r="K18" s="212">
        <v>18457692</v>
      </c>
      <c r="L18" s="212">
        <v>33465600</v>
      </c>
      <c r="M18" s="212">
        <v>495800960</v>
      </c>
      <c r="N18" s="212">
        <v>10902618</v>
      </c>
      <c r="O18" s="212">
        <v>12745346</v>
      </c>
      <c r="P18" s="213">
        <v>133662146</v>
      </c>
      <c r="Q18" s="211" t="s">
        <v>89</v>
      </c>
      <c r="R18" s="214">
        <v>330637</v>
      </c>
      <c r="S18" s="214">
        <v>13280715</v>
      </c>
      <c r="T18" s="215">
        <v>9061204</v>
      </c>
      <c r="U18" s="216">
        <v>80743</v>
      </c>
      <c r="V18" s="217">
        <v>548306</v>
      </c>
      <c r="W18" s="217">
        <v>6295758</v>
      </c>
      <c r="X18" s="217">
        <v>29441053</v>
      </c>
      <c r="Y18" s="212">
        <v>644820068</v>
      </c>
      <c r="Z18" s="218">
        <v>3663</v>
      </c>
      <c r="AA18" s="212">
        <v>32899</v>
      </c>
      <c r="AB18" s="212">
        <v>596054</v>
      </c>
      <c r="AC18" s="212">
        <v>13532</v>
      </c>
      <c r="AD18" s="212">
        <v>509405</v>
      </c>
      <c r="AE18" s="212">
        <v>534296</v>
      </c>
      <c r="AF18" s="212">
        <v>3956274</v>
      </c>
      <c r="AG18" s="212">
        <v>51232</v>
      </c>
      <c r="AH18" s="213">
        <v>1644545</v>
      </c>
      <c r="AI18" s="211" t="s">
        <v>89</v>
      </c>
      <c r="AJ18" s="212">
        <v>34843</v>
      </c>
      <c r="AK18" s="212">
        <v>470259</v>
      </c>
      <c r="AL18" s="212">
        <v>109</v>
      </c>
      <c r="AM18" s="212">
        <v>3072</v>
      </c>
      <c r="AN18" s="212">
        <v>666911</v>
      </c>
      <c r="AO18" s="212">
        <v>7179608</v>
      </c>
      <c r="AP18" s="219">
        <v>41</v>
      </c>
      <c r="AQ18" s="220">
        <v>7957</v>
      </c>
      <c r="AR18" s="218">
        <v>30111668</v>
      </c>
      <c r="AS18" s="213">
        <v>652007633</v>
      </c>
      <c r="AT18" s="221">
        <v>477785441</v>
      </c>
      <c r="AU18" s="212">
        <v>153921446</v>
      </c>
      <c r="AV18" s="212">
        <v>20300746</v>
      </c>
      <c r="AW18" s="222">
        <v>1311107</v>
      </c>
      <c r="AX18" s="212">
        <v>68008138</v>
      </c>
      <c r="AY18" s="218">
        <v>2823</v>
      </c>
      <c r="AZ18" s="213">
        <v>68745</v>
      </c>
      <c r="BA18" s="211" t="s">
        <v>89</v>
      </c>
      <c r="BB18" s="221">
        <v>6781</v>
      </c>
      <c r="BC18" s="212">
        <v>2717471</v>
      </c>
      <c r="BD18" s="223" t="s">
        <v>10</v>
      </c>
      <c r="BE18" s="223" t="s">
        <v>10</v>
      </c>
      <c r="BF18" s="212">
        <v>10871</v>
      </c>
      <c r="BG18" s="212">
        <v>557270</v>
      </c>
      <c r="BH18" s="214">
        <v>4195</v>
      </c>
      <c r="BI18" s="214">
        <v>305554</v>
      </c>
      <c r="BJ18" s="214">
        <v>30</v>
      </c>
      <c r="BK18" s="214">
        <v>11447</v>
      </c>
      <c r="BL18" s="214">
        <v>10769</v>
      </c>
      <c r="BM18" s="214">
        <v>324307</v>
      </c>
      <c r="BN18" s="214">
        <v>32646</v>
      </c>
      <c r="BO18" s="212">
        <v>3916049</v>
      </c>
      <c r="BP18" s="218">
        <v>30144314</v>
      </c>
      <c r="BQ18" s="213">
        <v>655923682</v>
      </c>
      <c r="BR18" s="211" t="s">
        <v>89</v>
      </c>
      <c r="BS18" s="224">
        <v>18.966999999999999</v>
      </c>
      <c r="BT18" s="225">
        <v>762.09100000000001</v>
      </c>
      <c r="BU18" s="225">
        <v>180.62799999999999</v>
      </c>
      <c r="BV18" s="225">
        <v>961.68700000000001</v>
      </c>
      <c r="BW18" s="226">
        <v>14.493</v>
      </c>
      <c r="BX18" s="227">
        <v>1.5069999999999999</v>
      </c>
      <c r="BY18" s="227">
        <v>1.7729999999999999</v>
      </c>
      <c r="BZ18" s="227">
        <v>1.8129999999999999</v>
      </c>
      <c r="CA18" s="228">
        <v>43329</v>
      </c>
      <c r="CB18" s="212">
        <v>16419</v>
      </c>
      <c r="CC18" s="212">
        <v>7809</v>
      </c>
      <c r="CD18" s="213">
        <v>18958</v>
      </c>
    </row>
    <row r="19" spans="1:82" ht="12" customHeight="1" thickBot="1" x14ac:dyDescent="0.2">
      <c r="A19" s="114" t="s">
        <v>15</v>
      </c>
      <c r="B19" s="40"/>
      <c r="C19" s="40"/>
      <c r="D19" s="40"/>
      <c r="E19" s="40"/>
      <c r="F19" s="40"/>
      <c r="G19" s="40"/>
      <c r="H19" s="40"/>
      <c r="I19" s="40"/>
      <c r="J19" s="40"/>
      <c r="K19" s="40"/>
      <c r="L19" s="40"/>
      <c r="M19" s="40"/>
      <c r="N19" s="120"/>
      <c r="O19" s="40"/>
      <c r="P19" s="115"/>
      <c r="Q19" s="114" t="s">
        <v>15</v>
      </c>
      <c r="R19" s="115"/>
      <c r="S19" s="40"/>
      <c r="T19" s="41"/>
      <c r="U19" s="41"/>
      <c r="V19" s="41"/>
      <c r="W19" s="41"/>
      <c r="X19" s="41"/>
      <c r="Y19" s="40"/>
      <c r="Z19" s="40"/>
      <c r="AA19" s="40"/>
      <c r="AB19" s="40"/>
      <c r="AC19" s="40"/>
      <c r="AD19" s="40"/>
      <c r="AE19" s="40"/>
      <c r="AF19" s="40"/>
      <c r="AG19" s="40"/>
      <c r="AH19" s="116"/>
      <c r="AI19" s="117" t="s">
        <v>15</v>
      </c>
      <c r="AJ19" s="40"/>
      <c r="AK19" s="40"/>
      <c r="AL19" s="40"/>
      <c r="AM19" s="40"/>
      <c r="AN19" s="40"/>
      <c r="AO19" s="40"/>
      <c r="AP19" s="42"/>
      <c r="AQ19" s="86"/>
      <c r="AR19" s="40"/>
      <c r="AS19" s="40"/>
      <c r="AT19" s="40"/>
      <c r="AU19" s="40"/>
      <c r="AV19" s="40"/>
      <c r="AW19" s="40"/>
      <c r="AX19" s="40"/>
      <c r="AY19" s="40"/>
      <c r="AZ19" s="115"/>
      <c r="BA19" s="114" t="s">
        <v>15</v>
      </c>
      <c r="BB19" s="40"/>
      <c r="BC19" s="40"/>
      <c r="BD19" s="43"/>
      <c r="BE19" s="43"/>
      <c r="BF19" s="40"/>
      <c r="BG19" s="40"/>
      <c r="BH19" s="40"/>
      <c r="BI19" s="40"/>
      <c r="BJ19" s="40"/>
      <c r="BK19" s="40"/>
      <c r="BL19" s="40"/>
      <c r="BM19" s="40"/>
      <c r="BN19" s="40"/>
      <c r="BO19" s="40"/>
      <c r="BP19" s="40"/>
      <c r="BQ19" s="115"/>
      <c r="BR19" s="114" t="s">
        <v>15</v>
      </c>
      <c r="BS19" s="44"/>
      <c r="BT19" s="44"/>
      <c r="BU19" s="44"/>
      <c r="BV19" s="44"/>
      <c r="BW19" s="45"/>
      <c r="BX19" s="45"/>
      <c r="BY19" s="45"/>
      <c r="BZ19" s="45"/>
      <c r="CA19" s="46"/>
      <c r="CB19" s="40"/>
      <c r="CC19" s="40"/>
      <c r="CD19" s="40"/>
    </row>
    <row r="20" spans="1:82" s="15" customFormat="1" ht="15" customHeight="1" thickBot="1" x14ac:dyDescent="0.2">
      <c r="A20" s="229" t="s">
        <v>89</v>
      </c>
      <c r="B20" s="100">
        <v>351503</v>
      </c>
      <c r="C20" s="100">
        <v>5163426</v>
      </c>
      <c r="D20" s="100">
        <v>212548860</v>
      </c>
      <c r="E20" s="100">
        <v>13905427</v>
      </c>
      <c r="F20" s="100">
        <v>21028007</v>
      </c>
      <c r="G20" s="101">
        <v>218884797</v>
      </c>
      <c r="H20" s="100">
        <v>3273530</v>
      </c>
      <c r="I20" s="100">
        <v>5814134</v>
      </c>
      <c r="J20" s="100">
        <v>45365485</v>
      </c>
      <c r="K20" s="100">
        <v>17530460</v>
      </c>
      <c r="L20" s="100">
        <v>32005567</v>
      </c>
      <c r="M20" s="100">
        <v>476799141</v>
      </c>
      <c r="N20" s="100">
        <v>10391729</v>
      </c>
      <c r="O20" s="100">
        <v>12155237</v>
      </c>
      <c r="P20" s="103">
        <v>127947825</v>
      </c>
      <c r="Q20" s="229" t="s">
        <v>89</v>
      </c>
      <c r="R20" s="104">
        <v>319794</v>
      </c>
      <c r="S20" s="100">
        <v>13020775</v>
      </c>
      <c r="T20" s="101">
        <v>8888302</v>
      </c>
      <c r="U20" s="104">
        <v>79185</v>
      </c>
      <c r="V20" s="100">
        <v>539178</v>
      </c>
      <c r="W20" s="100">
        <v>6190612</v>
      </c>
      <c r="X20" s="100">
        <v>28001374</v>
      </c>
      <c r="Y20" s="100">
        <v>619825881</v>
      </c>
      <c r="Z20" s="105">
        <v>3583</v>
      </c>
      <c r="AA20" s="100">
        <v>32109</v>
      </c>
      <c r="AB20" s="100">
        <v>584215</v>
      </c>
      <c r="AC20" s="100">
        <v>12807</v>
      </c>
      <c r="AD20" s="100">
        <v>481037</v>
      </c>
      <c r="AE20" s="100">
        <v>493048</v>
      </c>
      <c r="AF20" s="100">
        <v>3685062</v>
      </c>
      <c r="AG20" s="100">
        <v>50474</v>
      </c>
      <c r="AH20" s="103">
        <v>1621063</v>
      </c>
      <c r="AI20" s="229" t="s">
        <v>89</v>
      </c>
      <c r="AJ20" s="101">
        <v>33769</v>
      </c>
      <c r="AK20" s="100">
        <v>456059</v>
      </c>
      <c r="AL20" s="100">
        <v>102</v>
      </c>
      <c r="AM20" s="100">
        <v>3059</v>
      </c>
      <c r="AN20" s="100">
        <v>622309</v>
      </c>
      <c r="AO20" s="100">
        <v>6830494</v>
      </c>
      <c r="AP20" s="100">
        <v>40</v>
      </c>
      <c r="AQ20" s="103">
        <v>7907</v>
      </c>
      <c r="AR20" s="100">
        <v>28627306</v>
      </c>
      <c r="AS20" s="103">
        <v>626664282</v>
      </c>
      <c r="AT20" s="106">
        <v>459704340</v>
      </c>
      <c r="AU20" s="107">
        <v>147522322</v>
      </c>
      <c r="AV20" s="100">
        <v>19437620</v>
      </c>
      <c r="AW20" s="102">
        <v>1290536</v>
      </c>
      <c r="AX20" s="103">
        <v>66137231</v>
      </c>
      <c r="AY20" s="104">
        <v>2822</v>
      </c>
      <c r="AZ20" s="118">
        <v>68738</v>
      </c>
      <c r="BA20" s="230" t="s">
        <v>89</v>
      </c>
      <c r="BB20" s="104">
        <v>5567</v>
      </c>
      <c r="BC20" s="100">
        <v>2268390</v>
      </c>
      <c r="BD20" s="108" t="s">
        <v>10</v>
      </c>
      <c r="BE20" s="108" t="s">
        <v>10</v>
      </c>
      <c r="BF20" s="100">
        <v>10616</v>
      </c>
      <c r="BG20" s="100">
        <v>530700</v>
      </c>
      <c r="BH20" s="100">
        <v>270</v>
      </c>
      <c r="BI20" s="100">
        <v>23389</v>
      </c>
      <c r="BJ20" s="100">
        <v>0</v>
      </c>
      <c r="BK20" s="100">
        <v>0</v>
      </c>
      <c r="BL20" s="100">
        <v>10</v>
      </c>
      <c r="BM20" s="101">
        <v>7300</v>
      </c>
      <c r="BN20" s="104">
        <v>16463</v>
      </c>
      <c r="BO20" s="100">
        <v>2829779</v>
      </c>
      <c r="BP20" s="109">
        <v>28643769</v>
      </c>
      <c r="BQ20" s="118">
        <v>629494061</v>
      </c>
      <c r="BR20" s="158" t="s">
        <v>89</v>
      </c>
      <c r="BS20" s="110">
        <v>19.920000000000002</v>
      </c>
      <c r="BT20" s="111">
        <v>788.02499999999998</v>
      </c>
      <c r="BU20" s="111">
        <v>185.512</v>
      </c>
      <c r="BV20" s="111">
        <v>993.45699999999999</v>
      </c>
      <c r="BW20" s="112">
        <v>14.69</v>
      </c>
      <c r="BX20" s="112">
        <v>1.51</v>
      </c>
      <c r="BY20" s="112">
        <v>1.78</v>
      </c>
      <c r="BZ20" s="112">
        <v>1.83</v>
      </c>
      <c r="CA20" s="100">
        <v>42886</v>
      </c>
      <c r="CB20" s="100">
        <v>16494</v>
      </c>
      <c r="CC20" s="100">
        <v>7803</v>
      </c>
      <c r="CD20" s="103">
        <v>19045</v>
      </c>
    </row>
    <row r="21" spans="1:82" s="15" customFormat="1" ht="14.4" customHeight="1" thickTop="1" x14ac:dyDescent="0.15">
      <c r="A21" s="231" t="s">
        <v>67</v>
      </c>
      <c r="B21" s="5">
        <v>30096</v>
      </c>
      <c r="C21" s="5">
        <v>449851</v>
      </c>
      <c r="D21" s="5">
        <v>18566213</v>
      </c>
      <c r="E21" s="5">
        <v>1216982</v>
      </c>
      <c r="F21" s="5">
        <v>1854029</v>
      </c>
      <c r="G21" s="48">
        <v>18736986</v>
      </c>
      <c r="H21" s="5">
        <v>289463</v>
      </c>
      <c r="I21" s="5">
        <v>533067</v>
      </c>
      <c r="J21" s="5">
        <v>3967698</v>
      </c>
      <c r="K21" s="5">
        <v>1536541</v>
      </c>
      <c r="L21" s="5">
        <v>2836947</v>
      </c>
      <c r="M21" s="5">
        <v>41270897</v>
      </c>
      <c r="N21" s="5">
        <v>915289</v>
      </c>
      <c r="O21" s="5">
        <v>1082441</v>
      </c>
      <c r="P21" s="50">
        <v>11552086</v>
      </c>
      <c r="Q21" s="231" t="s">
        <v>68</v>
      </c>
      <c r="R21" s="51">
        <v>28533</v>
      </c>
      <c r="S21" s="52">
        <v>785399</v>
      </c>
      <c r="T21" s="53">
        <v>773938</v>
      </c>
      <c r="U21" s="51">
        <v>6308</v>
      </c>
      <c r="V21" s="52">
        <v>42409</v>
      </c>
      <c r="W21" s="52">
        <v>481416</v>
      </c>
      <c r="X21" s="5">
        <v>2458138</v>
      </c>
      <c r="Y21" s="5">
        <v>54078338</v>
      </c>
      <c r="Z21" s="54">
        <v>219</v>
      </c>
      <c r="AA21" s="5">
        <v>2837</v>
      </c>
      <c r="AB21" s="5">
        <v>52166</v>
      </c>
      <c r="AC21" s="5">
        <v>970</v>
      </c>
      <c r="AD21" s="5">
        <v>35075</v>
      </c>
      <c r="AE21" s="5">
        <v>46459</v>
      </c>
      <c r="AF21" s="5">
        <v>326133</v>
      </c>
      <c r="AG21" s="5">
        <v>4821</v>
      </c>
      <c r="AH21" s="50">
        <v>148838</v>
      </c>
      <c r="AI21" s="231" t="s">
        <v>68</v>
      </c>
      <c r="AJ21" s="5">
        <v>2948</v>
      </c>
      <c r="AK21" s="5">
        <v>37567</v>
      </c>
      <c r="AL21" s="5">
        <v>18</v>
      </c>
      <c r="AM21" s="5">
        <v>200</v>
      </c>
      <c r="AN21" s="5">
        <v>58053</v>
      </c>
      <c r="AO21" s="5">
        <v>599978</v>
      </c>
      <c r="AP21" s="5">
        <v>2</v>
      </c>
      <c r="AQ21" s="50">
        <v>63</v>
      </c>
      <c r="AR21" s="5">
        <v>2516412</v>
      </c>
      <c r="AS21" s="50">
        <v>54678379</v>
      </c>
      <c r="AT21" s="4">
        <v>40081675</v>
      </c>
      <c r="AU21" s="5">
        <v>12876575</v>
      </c>
      <c r="AV21" s="5">
        <v>1720129</v>
      </c>
      <c r="AW21" s="49">
        <v>106935</v>
      </c>
      <c r="AX21" s="50">
        <v>5284305</v>
      </c>
      <c r="AY21" s="4">
        <v>118</v>
      </c>
      <c r="AZ21" s="50">
        <v>2056</v>
      </c>
      <c r="BA21" s="231" t="s">
        <v>68</v>
      </c>
      <c r="BB21" s="4">
        <v>468</v>
      </c>
      <c r="BC21" s="5">
        <v>192361</v>
      </c>
      <c r="BD21" s="55" t="s">
        <v>10</v>
      </c>
      <c r="BE21" s="55" t="s">
        <v>10</v>
      </c>
      <c r="BF21" s="5">
        <v>699</v>
      </c>
      <c r="BG21" s="5">
        <v>34950</v>
      </c>
      <c r="BH21" s="5">
        <v>0</v>
      </c>
      <c r="BI21" s="5">
        <v>0</v>
      </c>
      <c r="BJ21" s="5">
        <v>0</v>
      </c>
      <c r="BK21" s="5">
        <v>0</v>
      </c>
      <c r="BL21" s="5">
        <v>0</v>
      </c>
      <c r="BM21" s="48">
        <v>0</v>
      </c>
      <c r="BN21" s="4">
        <v>1167</v>
      </c>
      <c r="BO21" s="5">
        <v>227311</v>
      </c>
      <c r="BP21" s="54">
        <v>2517579</v>
      </c>
      <c r="BQ21" s="50">
        <v>54905690</v>
      </c>
      <c r="BR21" s="232" t="s">
        <v>68</v>
      </c>
      <c r="BS21" s="56">
        <v>1.6819999999999999</v>
      </c>
      <c r="BT21" s="57">
        <v>68.03</v>
      </c>
      <c r="BU21" s="57">
        <v>16.181000000000001</v>
      </c>
      <c r="BV21" s="57">
        <v>85.893000000000001</v>
      </c>
      <c r="BW21" s="58">
        <v>14.95</v>
      </c>
      <c r="BX21" s="58">
        <v>1.52</v>
      </c>
      <c r="BY21" s="58">
        <v>1.84</v>
      </c>
      <c r="BZ21" s="58">
        <v>1.85</v>
      </c>
      <c r="CA21" s="59">
        <v>42992</v>
      </c>
      <c r="CB21" s="5">
        <v>16337</v>
      </c>
      <c r="CC21" s="5">
        <v>7443</v>
      </c>
      <c r="CD21" s="50">
        <v>18781</v>
      </c>
    </row>
    <row r="22" spans="1:82" s="15" customFormat="1" ht="14.4" customHeight="1" x14ac:dyDescent="0.15">
      <c r="A22" s="231" t="s">
        <v>91</v>
      </c>
      <c r="B22" s="5">
        <v>26555</v>
      </c>
      <c r="C22" s="5">
        <v>414789</v>
      </c>
      <c r="D22" s="5">
        <v>16444435</v>
      </c>
      <c r="E22" s="5">
        <v>1061683</v>
      </c>
      <c r="F22" s="5">
        <v>1580159</v>
      </c>
      <c r="G22" s="48">
        <v>16620840</v>
      </c>
      <c r="H22" s="5">
        <v>212773</v>
      </c>
      <c r="I22" s="5">
        <v>393350</v>
      </c>
      <c r="J22" s="5">
        <v>3083891</v>
      </c>
      <c r="K22" s="5">
        <v>1301011</v>
      </c>
      <c r="L22" s="5">
        <v>2388298</v>
      </c>
      <c r="M22" s="5">
        <v>36149166</v>
      </c>
      <c r="N22" s="5">
        <v>828104</v>
      </c>
      <c r="O22" s="5">
        <v>973114</v>
      </c>
      <c r="P22" s="50">
        <v>11355825</v>
      </c>
      <c r="Q22" s="231" t="s">
        <v>90</v>
      </c>
      <c r="R22" s="51">
        <v>25196</v>
      </c>
      <c r="S22" s="52">
        <v>1080491</v>
      </c>
      <c r="T22" s="53">
        <v>717154</v>
      </c>
      <c r="U22" s="51">
        <v>5636</v>
      </c>
      <c r="V22" s="52">
        <v>38743</v>
      </c>
      <c r="W22" s="52">
        <v>439318</v>
      </c>
      <c r="X22" s="5">
        <v>2134751</v>
      </c>
      <c r="Y22" s="5">
        <v>48661462</v>
      </c>
      <c r="Z22" s="54">
        <v>264</v>
      </c>
      <c r="AA22" s="5">
        <v>2822</v>
      </c>
      <c r="AB22" s="5">
        <v>46364</v>
      </c>
      <c r="AC22" s="5">
        <v>955</v>
      </c>
      <c r="AD22" s="5">
        <v>36505</v>
      </c>
      <c r="AE22" s="5">
        <v>44523</v>
      </c>
      <c r="AF22" s="5">
        <v>324242</v>
      </c>
      <c r="AG22" s="5">
        <v>4691</v>
      </c>
      <c r="AH22" s="50">
        <v>149652</v>
      </c>
      <c r="AI22" s="231" t="s">
        <v>90</v>
      </c>
      <c r="AJ22" s="5">
        <v>2966</v>
      </c>
      <c r="AK22" s="5">
        <v>39208</v>
      </c>
      <c r="AL22" s="5">
        <v>3</v>
      </c>
      <c r="AM22" s="5">
        <v>468</v>
      </c>
      <c r="AN22" s="5">
        <v>55960</v>
      </c>
      <c r="AO22" s="5">
        <v>596439</v>
      </c>
      <c r="AP22" s="5">
        <v>2</v>
      </c>
      <c r="AQ22" s="50">
        <v>115</v>
      </c>
      <c r="AR22" s="5">
        <v>2190977</v>
      </c>
      <c r="AS22" s="50">
        <v>49258016</v>
      </c>
      <c r="AT22" s="4">
        <v>36091296</v>
      </c>
      <c r="AU22" s="5">
        <v>11647737</v>
      </c>
      <c r="AV22" s="5">
        <v>1518983</v>
      </c>
      <c r="AW22" s="49">
        <v>103303</v>
      </c>
      <c r="AX22" s="50">
        <v>5592854</v>
      </c>
      <c r="AY22" s="4">
        <v>432</v>
      </c>
      <c r="AZ22" s="50">
        <v>10440</v>
      </c>
      <c r="BA22" s="231" t="s">
        <v>90</v>
      </c>
      <c r="BB22" s="4">
        <v>431</v>
      </c>
      <c r="BC22" s="5">
        <v>173759</v>
      </c>
      <c r="BD22" s="55" t="s">
        <v>10</v>
      </c>
      <c r="BE22" s="55" t="s">
        <v>10</v>
      </c>
      <c r="BF22" s="5">
        <v>730</v>
      </c>
      <c r="BG22" s="5">
        <v>36500</v>
      </c>
      <c r="BH22" s="5">
        <v>2</v>
      </c>
      <c r="BI22" s="5">
        <v>86</v>
      </c>
      <c r="BJ22" s="5">
        <v>0</v>
      </c>
      <c r="BK22" s="5">
        <v>0</v>
      </c>
      <c r="BL22" s="5">
        <v>0</v>
      </c>
      <c r="BM22" s="48">
        <v>0</v>
      </c>
      <c r="BN22" s="4">
        <v>1163</v>
      </c>
      <c r="BO22" s="5">
        <v>210345</v>
      </c>
      <c r="BP22" s="54">
        <v>2192140</v>
      </c>
      <c r="BQ22" s="50">
        <v>49468361</v>
      </c>
      <c r="BR22" s="231" t="s">
        <v>90</v>
      </c>
      <c r="BS22" s="56">
        <v>1.4670000000000001</v>
      </c>
      <c r="BT22" s="57">
        <v>58.667000000000002</v>
      </c>
      <c r="BU22" s="57">
        <v>11.757999999999999</v>
      </c>
      <c r="BV22" s="57">
        <v>71.891999999999996</v>
      </c>
      <c r="BW22" s="58">
        <v>15.62</v>
      </c>
      <c r="BX22" s="58">
        <v>1.49</v>
      </c>
      <c r="BY22" s="58">
        <v>1.85</v>
      </c>
      <c r="BZ22" s="58">
        <v>1.84</v>
      </c>
      <c r="CA22" s="59">
        <v>41374</v>
      </c>
      <c r="CB22" s="5">
        <v>17705</v>
      </c>
      <c r="CC22" s="5">
        <v>7840</v>
      </c>
      <c r="CD22" s="50">
        <v>20050</v>
      </c>
    </row>
    <row r="23" spans="1:82" s="15" customFormat="1" ht="14.4" customHeight="1" x14ac:dyDescent="0.15">
      <c r="A23" s="231" t="s">
        <v>93</v>
      </c>
      <c r="B23" s="5">
        <v>25073</v>
      </c>
      <c r="C23" s="5">
        <v>411816</v>
      </c>
      <c r="D23" s="5">
        <v>15572934</v>
      </c>
      <c r="E23" s="5">
        <v>999442</v>
      </c>
      <c r="F23" s="5">
        <v>1482633</v>
      </c>
      <c r="G23" s="48">
        <v>15694491</v>
      </c>
      <c r="H23" s="5">
        <v>207059</v>
      </c>
      <c r="I23" s="5">
        <v>373550</v>
      </c>
      <c r="J23" s="5">
        <v>2894603</v>
      </c>
      <c r="K23" s="5">
        <v>1231574</v>
      </c>
      <c r="L23" s="5">
        <v>2267999</v>
      </c>
      <c r="M23" s="5">
        <v>34162028</v>
      </c>
      <c r="N23" s="5">
        <v>762796</v>
      </c>
      <c r="O23" s="5">
        <v>879742</v>
      </c>
      <c r="P23" s="50">
        <v>9439454</v>
      </c>
      <c r="Q23" s="231" t="s">
        <v>92</v>
      </c>
      <c r="R23" s="51">
        <v>23328</v>
      </c>
      <c r="S23" s="52">
        <v>1081424</v>
      </c>
      <c r="T23" s="53">
        <v>716514</v>
      </c>
      <c r="U23" s="51">
        <v>6141</v>
      </c>
      <c r="V23" s="52">
        <v>40339</v>
      </c>
      <c r="W23" s="52">
        <v>462971</v>
      </c>
      <c r="X23" s="5">
        <v>2000511</v>
      </c>
      <c r="Y23" s="5">
        <v>44780967</v>
      </c>
      <c r="Z23" s="54">
        <v>303</v>
      </c>
      <c r="AA23" s="5">
        <v>2574</v>
      </c>
      <c r="AB23" s="5">
        <v>45619</v>
      </c>
      <c r="AC23" s="5">
        <v>773</v>
      </c>
      <c r="AD23" s="5">
        <v>31333</v>
      </c>
      <c r="AE23" s="5">
        <v>38012</v>
      </c>
      <c r="AF23" s="5">
        <v>282620</v>
      </c>
      <c r="AG23" s="5">
        <v>3985</v>
      </c>
      <c r="AH23" s="50">
        <v>121865</v>
      </c>
      <c r="AI23" s="231" t="s">
        <v>92</v>
      </c>
      <c r="AJ23" s="5">
        <v>2441</v>
      </c>
      <c r="AK23" s="5">
        <v>32474</v>
      </c>
      <c r="AL23" s="5">
        <v>1</v>
      </c>
      <c r="AM23" s="5">
        <v>60</v>
      </c>
      <c r="AN23" s="5">
        <v>47786</v>
      </c>
      <c r="AO23" s="5">
        <v>513971</v>
      </c>
      <c r="AP23" s="5">
        <v>2</v>
      </c>
      <c r="AQ23" s="50">
        <v>138</v>
      </c>
      <c r="AR23" s="5">
        <v>2048602</v>
      </c>
      <c r="AS23" s="50">
        <v>45295076</v>
      </c>
      <c r="AT23" s="4">
        <v>33161739</v>
      </c>
      <c r="AU23" s="5">
        <v>10734352</v>
      </c>
      <c r="AV23" s="5">
        <v>1398986</v>
      </c>
      <c r="AW23" s="49">
        <v>109176</v>
      </c>
      <c r="AX23" s="50">
        <v>5354609</v>
      </c>
      <c r="AY23" s="4">
        <v>658</v>
      </c>
      <c r="AZ23" s="50">
        <v>14676</v>
      </c>
      <c r="BA23" s="231" t="s">
        <v>92</v>
      </c>
      <c r="BB23" s="4">
        <v>474</v>
      </c>
      <c r="BC23" s="5">
        <v>192515</v>
      </c>
      <c r="BD23" s="55" t="s">
        <v>10</v>
      </c>
      <c r="BE23" s="55" t="s">
        <v>10</v>
      </c>
      <c r="BF23" s="5">
        <v>909</v>
      </c>
      <c r="BG23" s="5">
        <v>45450</v>
      </c>
      <c r="BH23" s="5">
        <v>13</v>
      </c>
      <c r="BI23" s="5">
        <v>1001</v>
      </c>
      <c r="BJ23" s="5">
        <v>0</v>
      </c>
      <c r="BK23" s="5">
        <v>0</v>
      </c>
      <c r="BL23" s="5">
        <v>0</v>
      </c>
      <c r="BM23" s="48">
        <v>0</v>
      </c>
      <c r="BN23" s="4">
        <v>1396</v>
      </c>
      <c r="BO23" s="5">
        <v>238966</v>
      </c>
      <c r="BP23" s="54">
        <v>2049998</v>
      </c>
      <c r="BQ23" s="50">
        <v>45534042</v>
      </c>
      <c r="BR23" s="231" t="s">
        <v>92</v>
      </c>
      <c r="BS23" s="56">
        <v>1.3879999999999999</v>
      </c>
      <c r="BT23" s="57">
        <v>55.338000000000001</v>
      </c>
      <c r="BU23" s="57">
        <v>11.465</v>
      </c>
      <c r="BV23" s="57">
        <v>68.19</v>
      </c>
      <c r="BW23" s="58">
        <v>16.420000000000002</v>
      </c>
      <c r="BX23" s="58">
        <v>1.48</v>
      </c>
      <c r="BY23" s="58">
        <v>1.8</v>
      </c>
      <c r="BZ23" s="58">
        <v>1.84</v>
      </c>
      <c r="CA23" s="59">
        <v>39555</v>
      </c>
      <c r="CB23" s="5">
        <v>16952</v>
      </c>
      <c r="CC23" s="5">
        <v>7749</v>
      </c>
      <c r="CD23" s="50">
        <v>19400</v>
      </c>
    </row>
    <row r="24" spans="1:82" s="15" customFormat="1" ht="14.4" customHeight="1" x14ac:dyDescent="0.15">
      <c r="A24" s="231" t="s">
        <v>95</v>
      </c>
      <c r="B24" s="5">
        <v>28885</v>
      </c>
      <c r="C24" s="5">
        <v>419015</v>
      </c>
      <c r="D24" s="5">
        <v>17244043</v>
      </c>
      <c r="E24" s="5">
        <v>1159122</v>
      </c>
      <c r="F24" s="5">
        <v>1776994</v>
      </c>
      <c r="G24" s="48">
        <v>18501007</v>
      </c>
      <c r="H24" s="5">
        <v>281803</v>
      </c>
      <c r="I24" s="5">
        <v>519482</v>
      </c>
      <c r="J24" s="5">
        <v>4041935</v>
      </c>
      <c r="K24" s="5">
        <v>1469810</v>
      </c>
      <c r="L24" s="5">
        <v>2715491</v>
      </c>
      <c r="M24" s="5">
        <v>39786985</v>
      </c>
      <c r="N24" s="5">
        <v>862690</v>
      </c>
      <c r="O24" s="5">
        <v>1011318</v>
      </c>
      <c r="P24" s="50">
        <v>10414536</v>
      </c>
      <c r="Q24" s="231" t="s">
        <v>94</v>
      </c>
      <c r="R24" s="51">
        <v>26156</v>
      </c>
      <c r="S24" s="52">
        <v>1088020</v>
      </c>
      <c r="T24" s="53">
        <v>721328</v>
      </c>
      <c r="U24" s="51">
        <v>6505</v>
      </c>
      <c r="V24" s="52">
        <v>45864</v>
      </c>
      <c r="W24" s="52">
        <v>520504</v>
      </c>
      <c r="X24" s="5">
        <v>2339005</v>
      </c>
      <c r="Y24" s="5">
        <v>51443353</v>
      </c>
      <c r="Z24" s="54">
        <v>407</v>
      </c>
      <c r="AA24" s="5">
        <v>2358</v>
      </c>
      <c r="AB24" s="5">
        <v>53511</v>
      </c>
      <c r="AC24" s="5">
        <v>935</v>
      </c>
      <c r="AD24" s="5">
        <v>35449</v>
      </c>
      <c r="AE24" s="5">
        <v>32537</v>
      </c>
      <c r="AF24" s="5">
        <v>241401</v>
      </c>
      <c r="AG24" s="5">
        <v>3581</v>
      </c>
      <c r="AH24" s="50">
        <v>113869</v>
      </c>
      <c r="AI24" s="231" t="s">
        <v>94</v>
      </c>
      <c r="AJ24" s="5">
        <v>2337</v>
      </c>
      <c r="AK24" s="5">
        <v>31969</v>
      </c>
      <c r="AL24" s="5">
        <v>17</v>
      </c>
      <c r="AM24" s="5">
        <v>429</v>
      </c>
      <c r="AN24" s="5">
        <v>41765</v>
      </c>
      <c r="AO24" s="5">
        <v>476629</v>
      </c>
      <c r="AP24" s="5">
        <v>3</v>
      </c>
      <c r="AQ24" s="50">
        <v>132</v>
      </c>
      <c r="AR24" s="5">
        <v>2381180</v>
      </c>
      <c r="AS24" s="50">
        <v>51920114</v>
      </c>
      <c r="AT24" s="4">
        <v>38064063</v>
      </c>
      <c r="AU24" s="5">
        <v>12267445</v>
      </c>
      <c r="AV24" s="5">
        <v>1588605</v>
      </c>
      <c r="AW24" s="49">
        <v>101869</v>
      </c>
      <c r="AX24" s="50">
        <v>5012817</v>
      </c>
      <c r="AY24" s="4">
        <v>309</v>
      </c>
      <c r="AZ24" s="50">
        <v>8361</v>
      </c>
      <c r="BA24" s="231" t="s">
        <v>94</v>
      </c>
      <c r="BB24" s="4">
        <v>458</v>
      </c>
      <c r="BC24" s="5">
        <v>186376</v>
      </c>
      <c r="BD24" s="55" t="s">
        <v>10</v>
      </c>
      <c r="BE24" s="55" t="s">
        <v>10</v>
      </c>
      <c r="BF24" s="5">
        <v>796</v>
      </c>
      <c r="BG24" s="5">
        <v>39800</v>
      </c>
      <c r="BH24" s="5">
        <v>12</v>
      </c>
      <c r="BI24" s="5">
        <v>1306</v>
      </c>
      <c r="BJ24" s="5">
        <v>0</v>
      </c>
      <c r="BK24" s="5">
        <v>0</v>
      </c>
      <c r="BL24" s="5">
        <v>3</v>
      </c>
      <c r="BM24" s="48">
        <v>2400</v>
      </c>
      <c r="BN24" s="4">
        <v>1269</v>
      </c>
      <c r="BO24" s="5">
        <v>229883</v>
      </c>
      <c r="BP24" s="54">
        <v>2382449</v>
      </c>
      <c r="BQ24" s="50">
        <v>52149996</v>
      </c>
      <c r="BR24" s="231" t="s">
        <v>94</v>
      </c>
      <c r="BS24" s="56">
        <v>1.607</v>
      </c>
      <c r="BT24" s="57">
        <v>64.494</v>
      </c>
      <c r="BU24" s="57">
        <v>15.68</v>
      </c>
      <c r="BV24" s="57">
        <v>81.781000000000006</v>
      </c>
      <c r="BW24" s="58">
        <v>14.51</v>
      </c>
      <c r="BX24" s="58">
        <v>1.53</v>
      </c>
      <c r="BY24" s="58">
        <v>1.84</v>
      </c>
      <c r="BZ24" s="58">
        <v>1.85</v>
      </c>
      <c r="CA24" s="59">
        <v>42875</v>
      </c>
      <c r="CB24" s="5">
        <v>16272</v>
      </c>
      <c r="CC24" s="5">
        <v>7781</v>
      </c>
      <c r="CD24" s="50">
        <v>18630</v>
      </c>
    </row>
    <row r="25" spans="1:82" s="15" customFormat="1" ht="14.4" customHeight="1" x14ac:dyDescent="0.15">
      <c r="A25" s="231" t="s">
        <v>97</v>
      </c>
      <c r="B25" s="5">
        <v>30499</v>
      </c>
      <c r="C25" s="5">
        <v>438992</v>
      </c>
      <c r="D25" s="5">
        <v>17922513</v>
      </c>
      <c r="E25" s="5">
        <v>1200553</v>
      </c>
      <c r="F25" s="5">
        <v>1855483</v>
      </c>
      <c r="G25" s="48">
        <v>19175297</v>
      </c>
      <c r="H25" s="5">
        <v>282084</v>
      </c>
      <c r="I25" s="5">
        <v>517578</v>
      </c>
      <c r="J25" s="5">
        <v>4061630</v>
      </c>
      <c r="K25" s="5">
        <v>1513136</v>
      </c>
      <c r="L25" s="5">
        <v>2812053</v>
      </c>
      <c r="M25" s="5">
        <v>41159440</v>
      </c>
      <c r="N25" s="5">
        <v>895358</v>
      </c>
      <c r="O25" s="5">
        <v>1063279</v>
      </c>
      <c r="P25" s="50">
        <v>11094338</v>
      </c>
      <c r="Q25" s="231" t="s">
        <v>96</v>
      </c>
      <c r="R25" s="51">
        <v>27204</v>
      </c>
      <c r="S25" s="52">
        <v>1138673</v>
      </c>
      <c r="T25" s="53">
        <v>755799</v>
      </c>
      <c r="U25" s="51">
        <v>6503</v>
      </c>
      <c r="V25" s="52">
        <v>46187</v>
      </c>
      <c r="W25" s="52">
        <v>525334</v>
      </c>
      <c r="X25" s="5">
        <v>2414997</v>
      </c>
      <c r="Y25" s="5">
        <v>53534912</v>
      </c>
      <c r="Z25" s="54">
        <v>330</v>
      </c>
      <c r="AA25" s="5">
        <v>2999</v>
      </c>
      <c r="AB25" s="5">
        <v>41964</v>
      </c>
      <c r="AC25" s="5">
        <v>1107</v>
      </c>
      <c r="AD25" s="5">
        <v>40026</v>
      </c>
      <c r="AE25" s="5">
        <v>36214</v>
      </c>
      <c r="AF25" s="5">
        <v>288708</v>
      </c>
      <c r="AG25" s="5">
        <v>3883</v>
      </c>
      <c r="AH25" s="50">
        <v>124684</v>
      </c>
      <c r="AI25" s="231" t="s">
        <v>96</v>
      </c>
      <c r="AJ25" s="5">
        <v>2559</v>
      </c>
      <c r="AK25" s="5">
        <v>35970</v>
      </c>
      <c r="AL25" s="5">
        <v>10</v>
      </c>
      <c r="AM25" s="5">
        <v>398</v>
      </c>
      <c r="AN25" s="5">
        <v>46772</v>
      </c>
      <c r="AO25" s="5">
        <v>531750</v>
      </c>
      <c r="AP25" s="5">
        <v>7</v>
      </c>
      <c r="AQ25" s="50">
        <v>277</v>
      </c>
      <c r="AR25" s="5">
        <v>2462106</v>
      </c>
      <c r="AS25" s="50">
        <v>54066939</v>
      </c>
      <c r="AT25" s="4">
        <v>39625148</v>
      </c>
      <c r="AU25" s="5">
        <v>12742478</v>
      </c>
      <c r="AV25" s="5">
        <v>1699312</v>
      </c>
      <c r="AW25" s="49">
        <v>99426</v>
      </c>
      <c r="AX25" s="50">
        <v>5301527</v>
      </c>
      <c r="AY25" s="4">
        <v>304</v>
      </c>
      <c r="AZ25" s="50">
        <v>9977</v>
      </c>
      <c r="BA25" s="231" t="s">
        <v>96</v>
      </c>
      <c r="BB25" s="4">
        <v>494</v>
      </c>
      <c r="BC25" s="5">
        <v>198433</v>
      </c>
      <c r="BD25" s="55" t="s">
        <v>10</v>
      </c>
      <c r="BE25" s="55" t="s">
        <v>10</v>
      </c>
      <c r="BF25" s="5">
        <v>819</v>
      </c>
      <c r="BG25" s="5">
        <v>40950</v>
      </c>
      <c r="BH25" s="5">
        <v>22</v>
      </c>
      <c r="BI25" s="5">
        <v>2163</v>
      </c>
      <c r="BJ25" s="5">
        <v>0</v>
      </c>
      <c r="BK25" s="5">
        <v>0</v>
      </c>
      <c r="BL25" s="5">
        <v>0</v>
      </c>
      <c r="BM25" s="48">
        <v>0</v>
      </c>
      <c r="BN25" s="4">
        <v>1335</v>
      </c>
      <c r="BO25" s="5">
        <v>241546</v>
      </c>
      <c r="BP25" s="54">
        <v>2463441</v>
      </c>
      <c r="BQ25" s="50">
        <v>54308485</v>
      </c>
      <c r="BR25" s="231" t="s">
        <v>96</v>
      </c>
      <c r="BS25" s="56">
        <v>1.7010000000000001</v>
      </c>
      <c r="BT25" s="57">
        <v>66.962000000000003</v>
      </c>
      <c r="BU25" s="57">
        <v>15.733000000000001</v>
      </c>
      <c r="BV25" s="57">
        <v>84.396000000000001</v>
      </c>
      <c r="BW25" s="58">
        <v>14.39</v>
      </c>
      <c r="BX25" s="58">
        <v>1.55</v>
      </c>
      <c r="BY25" s="58">
        <v>1.83</v>
      </c>
      <c r="BZ25" s="58">
        <v>1.86</v>
      </c>
      <c r="CA25" s="59">
        <v>42548</v>
      </c>
      <c r="CB25" s="5">
        <v>16314</v>
      </c>
      <c r="CC25" s="5">
        <v>7847</v>
      </c>
      <c r="CD25" s="50">
        <v>18730</v>
      </c>
    </row>
    <row r="26" spans="1:82" s="15" customFormat="1" ht="14.4" customHeight="1" x14ac:dyDescent="0.15">
      <c r="A26" s="231" t="s">
        <v>99</v>
      </c>
      <c r="B26" s="5">
        <v>31536</v>
      </c>
      <c r="C26" s="5">
        <v>441953</v>
      </c>
      <c r="D26" s="5">
        <v>17723031</v>
      </c>
      <c r="E26" s="5">
        <v>1132184</v>
      </c>
      <c r="F26" s="5">
        <v>1693921</v>
      </c>
      <c r="G26" s="48">
        <v>17756209</v>
      </c>
      <c r="H26" s="5">
        <v>262800</v>
      </c>
      <c r="I26" s="5">
        <v>450435</v>
      </c>
      <c r="J26" s="5">
        <v>3556612</v>
      </c>
      <c r="K26" s="5">
        <v>1426520</v>
      </c>
      <c r="L26" s="5">
        <v>2586309</v>
      </c>
      <c r="M26" s="5">
        <v>39035852</v>
      </c>
      <c r="N26" s="5">
        <v>840868</v>
      </c>
      <c r="O26" s="5">
        <v>977514</v>
      </c>
      <c r="P26" s="50">
        <v>10110323</v>
      </c>
      <c r="Q26" s="231" t="s">
        <v>98</v>
      </c>
      <c r="R26" s="51">
        <v>27377</v>
      </c>
      <c r="S26" s="52">
        <v>1144488</v>
      </c>
      <c r="T26" s="53">
        <v>758563</v>
      </c>
      <c r="U26" s="51">
        <v>6497</v>
      </c>
      <c r="V26" s="52">
        <v>44092</v>
      </c>
      <c r="W26" s="52">
        <v>509267</v>
      </c>
      <c r="X26" s="5">
        <v>2273885</v>
      </c>
      <c r="Y26" s="5">
        <v>50414005</v>
      </c>
      <c r="Z26" s="54">
        <v>455</v>
      </c>
      <c r="AA26" s="5">
        <v>2596</v>
      </c>
      <c r="AB26" s="5">
        <v>47468</v>
      </c>
      <c r="AC26" s="5">
        <v>1114</v>
      </c>
      <c r="AD26" s="5">
        <v>43464</v>
      </c>
      <c r="AE26" s="5">
        <v>40362</v>
      </c>
      <c r="AF26" s="5">
        <v>318215</v>
      </c>
      <c r="AG26" s="5">
        <v>4002</v>
      </c>
      <c r="AH26" s="50">
        <v>133969</v>
      </c>
      <c r="AI26" s="231" t="s">
        <v>98</v>
      </c>
      <c r="AJ26" s="5">
        <v>2665</v>
      </c>
      <c r="AK26" s="5">
        <v>38237</v>
      </c>
      <c r="AL26" s="5">
        <v>14</v>
      </c>
      <c r="AM26" s="5">
        <v>328</v>
      </c>
      <c r="AN26" s="5">
        <v>50753</v>
      </c>
      <c r="AO26" s="5">
        <v>581680</v>
      </c>
      <c r="AP26" s="5">
        <v>3</v>
      </c>
      <c r="AQ26" s="50">
        <v>238</v>
      </c>
      <c r="AR26" s="5">
        <v>2325096</v>
      </c>
      <c r="AS26" s="50">
        <v>50995923</v>
      </c>
      <c r="AT26" s="4">
        <v>37390908</v>
      </c>
      <c r="AU26" s="5">
        <v>12017275</v>
      </c>
      <c r="AV26" s="5">
        <v>1587741</v>
      </c>
      <c r="AW26" s="49">
        <v>107506</v>
      </c>
      <c r="AX26" s="50">
        <v>5593291</v>
      </c>
      <c r="AY26" s="4">
        <v>209</v>
      </c>
      <c r="AZ26" s="50">
        <v>5781</v>
      </c>
      <c r="BA26" s="231" t="s">
        <v>98</v>
      </c>
      <c r="BB26" s="4">
        <v>482</v>
      </c>
      <c r="BC26" s="5">
        <v>197584</v>
      </c>
      <c r="BD26" s="55" t="s">
        <v>10</v>
      </c>
      <c r="BE26" s="55" t="s">
        <v>10</v>
      </c>
      <c r="BF26" s="5">
        <v>922</v>
      </c>
      <c r="BG26" s="5">
        <v>46100</v>
      </c>
      <c r="BH26" s="5">
        <v>23</v>
      </c>
      <c r="BI26" s="5">
        <v>2958</v>
      </c>
      <c r="BJ26" s="5">
        <v>0</v>
      </c>
      <c r="BK26" s="5">
        <v>0</v>
      </c>
      <c r="BL26" s="5">
        <v>2</v>
      </c>
      <c r="BM26" s="48">
        <v>1600</v>
      </c>
      <c r="BN26" s="4">
        <v>1429</v>
      </c>
      <c r="BO26" s="5">
        <v>248243</v>
      </c>
      <c r="BP26" s="54">
        <v>2326525</v>
      </c>
      <c r="BQ26" s="50">
        <v>51244166</v>
      </c>
      <c r="BR26" s="231" t="s">
        <v>98</v>
      </c>
      <c r="BS26" s="56">
        <v>1.7649999999999999</v>
      </c>
      <c r="BT26" s="57">
        <v>63.353999999999999</v>
      </c>
      <c r="BU26" s="57">
        <v>14.706</v>
      </c>
      <c r="BV26" s="57">
        <v>79.823999999999998</v>
      </c>
      <c r="BW26" s="58">
        <v>14.01</v>
      </c>
      <c r="BX26" s="58">
        <v>1.5</v>
      </c>
      <c r="BY26" s="58">
        <v>1.71</v>
      </c>
      <c r="BZ26" s="58">
        <v>1.81</v>
      </c>
      <c r="CA26" s="59">
        <v>41818</v>
      </c>
      <c r="CB26" s="5">
        <v>16451</v>
      </c>
      <c r="CC26" s="5">
        <v>7896</v>
      </c>
      <c r="CD26" s="50">
        <v>19166</v>
      </c>
    </row>
    <row r="27" spans="1:82" s="15" customFormat="1" ht="14.4" customHeight="1" x14ac:dyDescent="0.15">
      <c r="A27" s="231" t="s">
        <v>101</v>
      </c>
      <c r="B27" s="5">
        <v>31804</v>
      </c>
      <c r="C27" s="5">
        <v>433432</v>
      </c>
      <c r="D27" s="5">
        <v>18047366</v>
      </c>
      <c r="E27" s="5">
        <v>1182034</v>
      </c>
      <c r="F27" s="5">
        <v>1805686</v>
      </c>
      <c r="G27" s="48">
        <v>18659096</v>
      </c>
      <c r="H27" s="5">
        <v>284937</v>
      </c>
      <c r="I27" s="5">
        <v>502886</v>
      </c>
      <c r="J27" s="5">
        <v>3989286</v>
      </c>
      <c r="K27" s="5">
        <v>1498775</v>
      </c>
      <c r="L27" s="5">
        <v>2742004</v>
      </c>
      <c r="M27" s="5">
        <v>40695748</v>
      </c>
      <c r="N27" s="5">
        <v>866585</v>
      </c>
      <c r="O27" s="5">
        <v>1018704</v>
      </c>
      <c r="P27" s="50">
        <v>10346556</v>
      </c>
      <c r="Q27" s="231" t="s">
        <v>100</v>
      </c>
      <c r="R27" s="51">
        <v>27435</v>
      </c>
      <c r="S27" s="52">
        <v>1118785</v>
      </c>
      <c r="T27" s="53">
        <v>742058</v>
      </c>
      <c r="U27" s="51">
        <v>6820</v>
      </c>
      <c r="V27" s="52">
        <v>47330</v>
      </c>
      <c r="W27" s="52">
        <v>545486</v>
      </c>
      <c r="X27" s="5">
        <v>2372180</v>
      </c>
      <c r="Y27" s="5">
        <v>52329848</v>
      </c>
      <c r="Z27" s="54">
        <v>329</v>
      </c>
      <c r="AA27" s="5">
        <v>2146</v>
      </c>
      <c r="AB27" s="5">
        <v>43451</v>
      </c>
      <c r="AC27" s="5">
        <v>1118</v>
      </c>
      <c r="AD27" s="5">
        <v>41934</v>
      </c>
      <c r="AE27" s="5">
        <v>41185</v>
      </c>
      <c r="AF27" s="5">
        <v>311969</v>
      </c>
      <c r="AG27" s="5">
        <v>4238</v>
      </c>
      <c r="AH27" s="50">
        <v>140590</v>
      </c>
      <c r="AI27" s="231" t="s">
        <v>100</v>
      </c>
      <c r="AJ27" s="5">
        <v>2924</v>
      </c>
      <c r="AK27" s="5">
        <v>40063</v>
      </c>
      <c r="AL27" s="5">
        <v>5</v>
      </c>
      <c r="AM27" s="5">
        <v>171</v>
      </c>
      <c r="AN27" s="5">
        <v>51616</v>
      </c>
      <c r="AO27" s="5">
        <v>578178</v>
      </c>
      <c r="AP27" s="5">
        <v>7</v>
      </c>
      <c r="AQ27" s="50">
        <v>207</v>
      </c>
      <c r="AR27" s="5">
        <v>2424132</v>
      </c>
      <c r="AS27" s="50">
        <v>52908233</v>
      </c>
      <c r="AT27" s="4">
        <v>38813489</v>
      </c>
      <c r="AU27" s="5">
        <v>12440867</v>
      </c>
      <c r="AV27" s="5">
        <v>1653877</v>
      </c>
      <c r="AW27" s="49">
        <v>103953</v>
      </c>
      <c r="AX27" s="50">
        <v>5346929</v>
      </c>
      <c r="AY27" s="4">
        <v>77</v>
      </c>
      <c r="AZ27" s="50">
        <v>2656</v>
      </c>
      <c r="BA27" s="231" t="s">
        <v>100</v>
      </c>
      <c r="BB27" s="4">
        <v>489</v>
      </c>
      <c r="BC27" s="5">
        <v>200042</v>
      </c>
      <c r="BD27" s="55" t="s">
        <v>10</v>
      </c>
      <c r="BE27" s="55" t="s">
        <v>10</v>
      </c>
      <c r="BF27" s="5">
        <v>952</v>
      </c>
      <c r="BG27" s="5">
        <v>47600</v>
      </c>
      <c r="BH27" s="5">
        <v>15</v>
      </c>
      <c r="BI27" s="5">
        <v>1337</v>
      </c>
      <c r="BJ27" s="5">
        <v>0</v>
      </c>
      <c r="BK27" s="5">
        <v>0</v>
      </c>
      <c r="BL27" s="5">
        <v>1</v>
      </c>
      <c r="BM27" s="48">
        <v>300</v>
      </c>
      <c r="BN27" s="4">
        <v>1457</v>
      </c>
      <c r="BO27" s="5">
        <v>249279</v>
      </c>
      <c r="BP27" s="54">
        <v>2425589</v>
      </c>
      <c r="BQ27" s="50">
        <v>53157511</v>
      </c>
      <c r="BR27" s="231" t="s">
        <v>100</v>
      </c>
      <c r="BS27" s="56">
        <v>1.7829999999999999</v>
      </c>
      <c r="BT27" s="57">
        <v>66.277000000000001</v>
      </c>
      <c r="BU27" s="57">
        <v>15.977</v>
      </c>
      <c r="BV27" s="57">
        <v>84.037000000000006</v>
      </c>
      <c r="BW27" s="58">
        <v>13.63</v>
      </c>
      <c r="BX27" s="58">
        <v>1.53</v>
      </c>
      <c r="BY27" s="58">
        <v>1.76</v>
      </c>
      <c r="BZ27" s="58">
        <v>1.83</v>
      </c>
      <c r="CA27" s="59">
        <v>43350</v>
      </c>
      <c r="CB27" s="5">
        <v>16064</v>
      </c>
      <c r="CC27" s="5">
        <v>7933</v>
      </c>
      <c r="CD27" s="50">
        <v>18761</v>
      </c>
    </row>
    <row r="28" spans="1:82" s="15" customFormat="1" ht="14.4" customHeight="1" x14ac:dyDescent="0.15">
      <c r="A28" s="231" t="s">
        <v>103</v>
      </c>
      <c r="B28" s="5">
        <v>32658</v>
      </c>
      <c r="C28" s="5">
        <v>452830</v>
      </c>
      <c r="D28" s="5">
        <v>19368837</v>
      </c>
      <c r="E28" s="5">
        <v>1260689</v>
      </c>
      <c r="F28" s="5">
        <v>1967358</v>
      </c>
      <c r="G28" s="48">
        <v>19951688</v>
      </c>
      <c r="H28" s="5">
        <v>307198</v>
      </c>
      <c r="I28" s="5">
        <v>555393</v>
      </c>
      <c r="J28" s="5">
        <v>4348884</v>
      </c>
      <c r="K28" s="5">
        <v>1600545</v>
      </c>
      <c r="L28" s="5">
        <v>2975581</v>
      </c>
      <c r="M28" s="5">
        <v>43669408</v>
      </c>
      <c r="N28" s="5">
        <v>929277</v>
      </c>
      <c r="O28" s="5">
        <v>1109081</v>
      </c>
      <c r="P28" s="50">
        <v>11238519</v>
      </c>
      <c r="Q28" s="231" t="s">
        <v>102</v>
      </c>
      <c r="R28" s="51">
        <v>29047</v>
      </c>
      <c r="S28" s="52">
        <v>1164712</v>
      </c>
      <c r="T28" s="53">
        <v>772482</v>
      </c>
      <c r="U28" s="51">
        <v>6746</v>
      </c>
      <c r="V28" s="52">
        <v>47871</v>
      </c>
      <c r="W28" s="52">
        <v>547390</v>
      </c>
      <c r="X28" s="5">
        <v>2536568</v>
      </c>
      <c r="Y28" s="5">
        <v>56227799</v>
      </c>
      <c r="Z28" s="54">
        <v>252</v>
      </c>
      <c r="AA28" s="5">
        <v>2061</v>
      </c>
      <c r="AB28" s="5">
        <v>41864</v>
      </c>
      <c r="AC28" s="5">
        <v>1161</v>
      </c>
      <c r="AD28" s="5">
        <v>41835</v>
      </c>
      <c r="AE28" s="5">
        <v>42107</v>
      </c>
      <c r="AF28" s="5">
        <v>313315</v>
      </c>
      <c r="AG28" s="5">
        <v>4301</v>
      </c>
      <c r="AH28" s="50">
        <v>137726</v>
      </c>
      <c r="AI28" s="231" t="s">
        <v>102</v>
      </c>
      <c r="AJ28" s="5">
        <v>2970</v>
      </c>
      <c r="AK28" s="5">
        <v>40201</v>
      </c>
      <c r="AL28" s="5">
        <v>11</v>
      </c>
      <c r="AM28" s="5">
        <v>180</v>
      </c>
      <c r="AN28" s="5">
        <v>52611</v>
      </c>
      <c r="AO28" s="5">
        <v>575121</v>
      </c>
      <c r="AP28" s="5">
        <v>3</v>
      </c>
      <c r="AQ28" s="50">
        <v>100</v>
      </c>
      <c r="AR28" s="5">
        <v>2589434</v>
      </c>
      <c r="AS28" s="50">
        <v>56803020</v>
      </c>
      <c r="AT28" s="4">
        <v>41710422</v>
      </c>
      <c r="AU28" s="5">
        <v>13298048</v>
      </c>
      <c r="AV28" s="5">
        <v>1794550</v>
      </c>
      <c r="AW28" s="49">
        <v>106453</v>
      </c>
      <c r="AX28" s="50">
        <v>5518562</v>
      </c>
      <c r="AY28" s="4">
        <v>137</v>
      </c>
      <c r="AZ28" s="50">
        <v>4548</v>
      </c>
      <c r="BA28" s="231" t="s">
        <v>102</v>
      </c>
      <c r="BB28" s="4">
        <v>492</v>
      </c>
      <c r="BC28" s="5">
        <v>203908</v>
      </c>
      <c r="BD28" s="55" t="s">
        <v>10</v>
      </c>
      <c r="BE28" s="55" t="s">
        <v>10</v>
      </c>
      <c r="BF28" s="5">
        <v>904</v>
      </c>
      <c r="BG28" s="5">
        <v>45200</v>
      </c>
      <c r="BH28" s="5">
        <v>17</v>
      </c>
      <c r="BI28" s="5">
        <v>1313</v>
      </c>
      <c r="BJ28" s="5">
        <v>0</v>
      </c>
      <c r="BK28" s="5">
        <v>0</v>
      </c>
      <c r="BL28" s="5">
        <v>0</v>
      </c>
      <c r="BM28" s="48">
        <v>0</v>
      </c>
      <c r="BN28" s="4">
        <v>1413</v>
      </c>
      <c r="BO28" s="5">
        <v>250422</v>
      </c>
      <c r="BP28" s="54">
        <v>2590847</v>
      </c>
      <c r="BQ28" s="50">
        <v>57053442</v>
      </c>
      <c r="BR28" s="231" t="s">
        <v>102</v>
      </c>
      <c r="BS28" s="56">
        <v>1.833</v>
      </c>
      <c r="BT28" s="57">
        <v>70.739999999999995</v>
      </c>
      <c r="BU28" s="57">
        <v>17.238</v>
      </c>
      <c r="BV28" s="57">
        <v>89.81</v>
      </c>
      <c r="BW28" s="58">
        <v>13.87</v>
      </c>
      <c r="BX28" s="58">
        <v>1.56</v>
      </c>
      <c r="BY28" s="58">
        <v>1.81</v>
      </c>
      <c r="BZ28" s="58">
        <v>1.86</v>
      </c>
      <c r="CA28" s="59">
        <v>44479</v>
      </c>
      <c r="CB28" s="5">
        <v>15854</v>
      </c>
      <c r="CC28" s="5">
        <v>7830</v>
      </c>
      <c r="CD28" s="50">
        <v>18597</v>
      </c>
    </row>
    <row r="29" spans="1:82" s="15" customFormat="1" ht="14.4" customHeight="1" x14ac:dyDescent="0.15">
      <c r="A29" s="231" t="s">
        <v>105</v>
      </c>
      <c r="B29" s="5">
        <v>30671</v>
      </c>
      <c r="C29" s="5">
        <v>437543</v>
      </c>
      <c r="D29" s="5">
        <v>18630546</v>
      </c>
      <c r="E29" s="5">
        <v>1180733</v>
      </c>
      <c r="F29" s="5">
        <v>1785706</v>
      </c>
      <c r="G29" s="48">
        <v>18333677</v>
      </c>
      <c r="H29" s="5">
        <v>294894</v>
      </c>
      <c r="I29" s="5">
        <v>511504</v>
      </c>
      <c r="J29" s="5">
        <v>4010171</v>
      </c>
      <c r="K29" s="5">
        <v>1506298</v>
      </c>
      <c r="L29" s="5">
        <v>2734753</v>
      </c>
      <c r="M29" s="5">
        <v>40974394</v>
      </c>
      <c r="N29" s="5">
        <v>865161</v>
      </c>
      <c r="O29" s="5">
        <v>1006507</v>
      </c>
      <c r="P29" s="50">
        <v>10046655</v>
      </c>
      <c r="Q29" s="231" t="s">
        <v>104</v>
      </c>
      <c r="R29" s="51">
        <v>27753</v>
      </c>
      <c r="S29" s="52">
        <v>1128665</v>
      </c>
      <c r="T29" s="53">
        <v>748422</v>
      </c>
      <c r="U29" s="51">
        <v>7005</v>
      </c>
      <c r="V29" s="52">
        <v>46781</v>
      </c>
      <c r="W29" s="52">
        <v>538980</v>
      </c>
      <c r="X29" s="5">
        <v>2378464</v>
      </c>
      <c r="Y29" s="5">
        <v>52308451</v>
      </c>
      <c r="Z29" s="54">
        <v>213</v>
      </c>
      <c r="AA29" s="5">
        <v>2839</v>
      </c>
      <c r="AB29" s="5">
        <v>55198</v>
      </c>
      <c r="AC29" s="5">
        <v>1177</v>
      </c>
      <c r="AD29" s="5">
        <v>44035</v>
      </c>
      <c r="AE29" s="5">
        <v>43572</v>
      </c>
      <c r="AF29" s="5">
        <v>329669</v>
      </c>
      <c r="AG29" s="5">
        <v>4227</v>
      </c>
      <c r="AH29" s="50">
        <v>142473</v>
      </c>
      <c r="AI29" s="231" t="s">
        <v>104</v>
      </c>
      <c r="AJ29" s="5">
        <v>2851</v>
      </c>
      <c r="AK29" s="5">
        <v>38800</v>
      </c>
      <c r="AL29" s="5">
        <v>3</v>
      </c>
      <c r="AM29" s="5">
        <v>153</v>
      </c>
      <c r="AN29" s="5">
        <v>54669</v>
      </c>
      <c r="AO29" s="5">
        <v>610329</v>
      </c>
      <c r="AP29" s="5">
        <v>3</v>
      </c>
      <c r="AQ29" s="50">
        <v>6225</v>
      </c>
      <c r="AR29" s="5">
        <v>2433349</v>
      </c>
      <c r="AS29" s="50">
        <v>52925006</v>
      </c>
      <c r="AT29" s="4">
        <v>38873188</v>
      </c>
      <c r="AU29" s="5">
        <v>12437862</v>
      </c>
      <c r="AV29" s="5">
        <v>1613957</v>
      </c>
      <c r="AW29" s="49">
        <v>116227</v>
      </c>
      <c r="AX29" s="50">
        <v>5865100</v>
      </c>
      <c r="AY29" s="4">
        <v>91</v>
      </c>
      <c r="AZ29" s="50">
        <v>2395</v>
      </c>
      <c r="BA29" s="231" t="s">
        <v>104</v>
      </c>
      <c r="BB29" s="4">
        <v>443</v>
      </c>
      <c r="BC29" s="5">
        <v>180470</v>
      </c>
      <c r="BD29" s="55" t="s">
        <v>10</v>
      </c>
      <c r="BE29" s="55" t="s">
        <v>10</v>
      </c>
      <c r="BF29" s="5">
        <v>899</v>
      </c>
      <c r="BG29" s="5">
        <v>44950</v>
      </c>
      <c r="BH29" s="5">
        <v>13</v>
      </c>
      <c r="BI29" s="5">
        <v>1145</v>
      </c>
      <c r="BJ29" s="5">
        <v>0</v>
      </c>
      <c r="BK29" s="5">
        <v>0</v>
      </c>
      <c r="BL29" s="5">
        <v>0</v>
      </c>
      <c r="BM29" s="48">
        <v>0</v>
      </c>
      <c r="BN29" s="4">
        <v>1355</v>
      </c>
      <c r="BO29" s="5">
        <v>226566</v>
      </c>
      <c r="BP29" s="54">
        <v>2434704</v>
      </c>
      <c r="BQ29" s="50">
        <v>53151572</v>
      </c>
      <c r="BR29" s="231" t="s">
        <v>104</v>
      </c>
      <c r="BS29" s="56">
        <v>1.7250000000000001</v>
      </c>
      <c r="BT29" s="57">
        <v>66.400000000000006</v>
      </c>
      <c r="BU29" s="57">
        <v>16.584</v>
      </c>
      <c r="BV29" s="57">
        <v>84.707999999999998</v>
      </c>
      <c r="BW29" s="58">
        <v>14.27</v>
      </c>
      <c r="BX29" s="58">
        <v>1.51</v>
      </c>
      <c r="BY29" s="58">
        <v>1.73</v>
      </c>
      <c r="BZ29" s="58">
        <v>1.82</v>
      </c>
      <c r="CA29" s="59">
        <v>44290</v>
      </c>
      <c r="CB29" s="5">
        <v>15893</v>
      </c>
      <c r="CC29" s="5">
        <v>7840</v>
      </c>
      <c r="CD29" s="50">
        <v>18806</v>
      </c>
    </row>
    <row r="30" spans="1:82" s="15" customFormat="1" ht="14.4" customHeight="1" x14ac:dyDescent="0.15">
      <c r="A30" s="231" t="s">
        <v>107</v>
      </c>
      <c r="B30" s="5">
        <v>29626</v>
      </c>
      <c r="C30" s="5">
        <v>439650</v>
      </c>
      <c r="D30" s="5">
        <v>18574508</v>
      </c>
      <c r="E30" s="5">
        <v>1234458</v>
      </c>
      <c r="F30" s="5">
        <v>1882490</v>
      </c>
      <c r="G30" s="48">
        <v>19297590</v>
      </c>
      <c r="H30" s="5">
        <v>306760</v>
      </c>
      <c r="I30" s="5">
        <v>527536</v>
      </c>
      <c r="J30" s="5">
        <v>4154607</v>
      </c>
      <c r="K30" s="5">
        <v>1570844</v>
      </c>
      <c r="L30" s="5">
        <v>2849676</v>
      </c>
      <c r="M30" s="5">
        <v>42026705</v>
      </c>
      <c r="N30" s="5">
        <v>923543</v>
      </c>
      <c r="O30" s="5">
        <v>1088037</v>
      </c>
      <c r="P30" s="50">
        <v>11667881</v>
      </c>
      <c r="Q30" s="231" t="s">
        <v>106</v>
      </c>
      <c r="R30" s="51">
        <v>27291</v>
      </c>
      <c r="S30" s="52">
        <v>1140156</v>
      </c>
      <c r="T30" s="53">
        <v>756017</v>
      </c>
      <c r="U30" s="51">
        <v>7026</v>
      </c>
      <c r="V30" s="52">
        <v>48683</v>
      </c>
      <c r="W30" s="52">
        <v>565450</v>
      </c>
      <c r="X30" s="5">
        <v>2501413</v>
      </c>
      <c r="Y30" s="5">
        <v>55016055</v>
      </c>
      <c r="Z30" s="54">
        <v>199</v>
      </c>
      <c r="AA30" s="5">
        <v>2961</v>
      </c>
      <c r="AB30" s="5">
        <v>54435</v>
      </c>
      <c r="AC30" s="5">
        <v>1167</v>
      </c>
      <c r="AD30" s="5">
        <v>43336</v>
      </c>
      <c r="AE30" s="5">
        <v>44097</v>
      </c>
      <c r="AF30" s="5">
        <v>329368</v>
      </c>
      <c r="AG30" s="5">
        <v>4199</v>
      </c>
      <c r="AH30" s="50">
        <v>138274</v>
      </c>
      <c r="AI30" s="231" t="s">
        <v>106</v>
      </c>
      <c r="AJ30" s="5">
        <v>3104</v>
      </c>
      <c r="AK30" s="5">
        <v>42101</v>
      </c>
      <c r="AL30" s="5">
        <v>4</v>
      </c>
      <c r="AM30" s="5">
        <v>211</v>
      </c>
      <c r="AN30" s="5">
        <v>55532</v>
      </c>
      <c r="AO30" s="5">
        <v>607725</v>
      </c>
      <c r="AP30" s="5">
        <v>3</v>
      </c>
      <c r="AQ30" s="50">
        <v>191</v>
      </c>
      <c r="AR30" s="5">
        <v>2557147</v>
      </c>
      <c r="AS30" s="50">
        <v>55623970</v>
      </c>
      <c r="AT30" s="4">
        <v>40849629</v>
      </c>
      <c r="AU30" s="5">
        <v>13229279</v>
      </c>
      <c r="AV30" s="5">
        <v>1545062</v>
      </c>
      <c r="AW30" s="49">
        <v>109710</v>
      </c>
      <c r="AX30" s="50">
        <v>5816479</v>
      </c>
      <c r="AY30" s="4">
        <v>68</v>
      </c>
      <c r="AZ30" s="50">
        <v>1443</v>
      </c>
      <c r="BA30" s="231" t="s">
        <v>106</v>
      </c>
      <c r="BB30" s="4">
        <v>467</v>
      </c>
      <c r="BC30" s="5">
        <v>193171</v>
      </c>
      <c r="BD30" s="55" t="s">
        <v>10</v>
      </c>
      <c r="BE30" s="55" t="s">
        <v>10</v>
      </c>
      <c r="BF30" s="5">
        <v>865</v>
      </c>
      <c r="BG30" s="5">
        <v>43200</v>
      </c>
      <c r="BH30" s="5">
        <v>12</v>
      </c>
      <c r="BI30" s="5">
        <v>1259</v>
      </c>
      <c r="BJ30" s="5">
        <v>0</v>
      </c>
      <c r="BK30" s="5">
        <v>0</v>
      </c>
      <c r="BL30" s="5">
        <v>2</v>
      </c>
      <c r="BM30" s="48">
        <v>1600</v>
      </c>
      <c r="BN30" s="4">
        <v>1346</v>
      </c>
      <c r="BO30" s="5">
        <v>239230</v>
      </c>
      <c r="BP30" s="54">
        <v>2558493</v>
      </c>
      <c r="BQ30" s="50">
        <v>55863200</v>
      </c>
      <c r="BR30" s="231" t="s">
        <v>106</v>
      </c>
      <c r="BS30" s="56">
        <v>1.669</v>
      </c>
      <c r="BT30" s="57">
        <v>69.534000000000006</v>
      </c>
      <c r="BU30" s="57">
        <v>17.279</v>
      </c>
      <c r="BV30" s="57">
        <v>88.481999999999999</v>
      </c>
      <c r="BW30" s="58">
        <v>14.84</v>
      </c>
      <c r="BX30" s="58">
        <v>1.52</v>
      </c>
      <c r="BY30" s="58">
        <v>1.72</v>
      </c>
      <c r="BZ30" s="58">
        <v>1.81</v>
      </c>
      <c r="CA30" s="59">
        <v>43968</v>
      </c>
      <c r="CB30" s="5">
        <v>16449</v>
      </c>
      <c r="CC30" s="5">
        <v>7875</v>
      </c>
      <c r="CD30" s="50">
        <v>18982</v>
      </c>
    </row>
    <row r="31" spans="1:82" s="15" customFormat="1" ht="14.4" customHeight="1" x14ac:dyDescent="0.15">
      <c r="A31" s="233" t="s">
        <v>109</v>
      </c>
      <c r="B31" s="5">
        <v>27207</v>
      </c>
      <c r="C31" s="5">
        <v>429304</v>
      </c>
      <c r="D31" s="5">
        <v>17819641</v>
      </c>
      <c r="E31" s="5">
        <v>1120683</v>
      </c>
      <c r="F31" s="5">
        <v>1634497</v>
      </c>
      <c r="G31" s="48">
        <v>18269254</v>
      </c>
      <c r="H31" s="5">
        <v>268120</v>
      </c>
      <c r="I31" s="5">
        <v>456147</v>
      </c>
      <c r="J31" s="5">
        <v>3507765</v>
      </c>
      <c r="K31" s="5">
        <v>1416010</v>
      </c>
      <c r="L31" s="5">
        <v>2519948</v>
      </c>
      <c r="M31" s="5">
        <v>39596660</v>
      </c>
      <c r="N31" s="5">
        <v>833775</v>
      </c>
      <c r="O31" s="5">
        <v>952495</v>
      </c>
      <c r="P31" s="50">
        <v>10298587</v>
      </c>
      <c r="Q31" s="233" t="s">
        <v>108</v>
      </c>
      <c r="R31" s="51">
        <v>25293</v>
      </c>
      <c r="S31" s="52">
        <v>1119036</v>
      </c>
      <c r="T31" s="53">
        <v>741892</v>
      </c>
      <c r="U31" s="51">
        <v>7072</v>
      </c>
      <c r="V31" s="52">
        <v>46240</v>
      </c>
      <c r="W31" s="52">
        <v>537318</v>
      </c>
      <c r="X31" s="5">
        <v>2256857</v>
      </c>
      <c r="Y31" s="5">
        <v>51174457</v>
      </c>
      <c r="Z31" s="54">
        <v>283</v>
      </c>
      <c r="AA31" s="5">
        <v>2424</v>
      </c>
      <c r="AB31" s="5">
        <v>33784</v>
      </c>
      <c r="AC31" s="5">
        <v>1018</v>
      </c>
      <c r="AD31" s="5">
        <v>39148</v>
      </c>
      <c r="AE31" s="5">
        <v>42765</v>
      </c>
      <c r="AF31" s="5">
        <v>317007</v>
      </c>
      <c r="AG31" s="5">
        <v>4273</v>
      </c>
      <c r="AH31" s="50">
        <v>136752</v>
      </c>
      <c r="AI31" s="233" t="s">
        <v>108</v>
      </c>
      <c r="AJ31" s="5">
        <v>2976</v>
      </c>
      <c r="AK31" s="5">
        <v>39404</v>
      </c>
      <c r="AL31" s="5">
        <v>6</v>
      </c>
      <c r="AM31" s="5">
        <v>232</v>
      </c>
      <c r="AN31" s="5">
        <v>53462</v>
      </c>
      <c r="AO31" s="5">
        <v>566328</v>
      </c>
      <c r="AP31" s="5">
        <v>3</v>
      </c>
      <c r="AQ31" s="50">
        <v>160</v>
      </c>
      <c r="AR31" s="5">
        <v>2310605</v>
      </c>
      <c r="AS31" s="50">
        <v>51740945</v>
      </c>
      <c r="AT31" s="4">
        <v>37984107</v>
      </c>
      <c r="AU31" s="5">
        <v>12060607</v>
      </c>
      <c r="AV31" s="5">
        <v>1696231</v>
      </c>
      <c r="AW31" s="49">
        <v>109120</v>
      </c>
      <c r="AX31" s="50">
        <v>5739776</v>
      </c>
      <c r="AY31" s="4">
        <v>146</v>
      </c>
      <c r="AZ31" s="50">
        <v>1105</v>
      </c>
      <c r="BA31" s="233" t="s">
        <v>108</v>
      </c>
      <c r="BB31" s="4">
        <v>416</v>
      </c>
      <c r="BC31" s="5">
        <v>174277</v>
      </c>
      <c r="BD31" s="55" t="s">
        <v>10</v>
      </c>
      <c r="BE31" s="55" t="s">
        <v>10</v>
      </c>
      <c r="BF31" s="5">
        <v>941</v>
      </c>
      <c r="BG31" s="5">
        <v>47050</v>
      </c>
      <c r="BH31" s="5">
        <v>44</v>
      </c>
      <c r="BI31" s="5">
        <v>3073</v>
      </c>
      <c r="BJ31" s="5">
        <v>0</v>
      </c>
      <c r="BK31" s="5">
        <v>0</v>
      </c>
      <c r="BL31" s="5">
        <v>2</v>
      </c>
      <c r="BM31" s="48">
        <v>1400</v>
      </c>
      <c r="BN31" s="4">
        <v>1403</v>
      </c>
      <c r="BO31" s="5">
        <v>225800</v>
      </c>
      <c r="BP31" s="54">
        <v>2312008</v>
      </c>
      <c r="BQ31" s="50">
        <v>51966745</v>
      </c>
      <c r="BR31" s="233" t="s">
        <v>108</v>
      </c>
      <c r="BS31" s="56">
        <v>1.5349999999999999</v>
      </c>
      <c r="BT31" s="57">
        <v>63.244</v>
      </c>
      <c r="BU31" s="57">
        <v>15.131</v>
      </c>
      <c r="BV31" s="57">
        <v>79.911000000000001</v>
      </c>
      <c r="BW31" s="58">
        <v>15.78</v>
      </c>
      <c r="BX31" s="58">
        <v>1.46</v>
      </c>
      <c r="BY31" s="58">
        <v>1.7</v>
      </c>
      <c r="BZ31" s="58">
        <v>1.78</v>
      </c>
      <c r="CA31" s="59">
        <v>43236</v>
      </c>
      <c r="CB31" s="5">
        <v>17478</v>
      </c>
      <c r="CC31" s="5">
        <v>7690</v>
      </c>
      <c r="CD31" s="50">
        <v>19942</v>
      </c>
    </row>
    <row r="32" spans="1:82" s="15" customFormat="1" ht="14.4" customHeight="1" thickBot="1" x14ac:dyDescent="0.2">
      <c r="A32" s="234" t="s">
        <v>111</v>
      </c>
      <c r="B32" s="60">
        <v>26893</v>
      </c>
      <c r="C32" s="61">
        <v>394251</v>
      </c>
      <c r="D32" s="92">
        <v>16634792</v>
      </c>
      <c r="E32" s="61">
        <v>1156864</v>
      </c>
      <c r="F32" s="61">
        <v>1709051</v>
      </c>
      <c r="G32" s="93">
        <v>17888662</v>
      </c>
      <c r="H32" s="61">
        <v>275639</v>
      </c>
      <c r="I32" s="61">
        <v>473206</v>
      </c>
      <c r="J32" s="92">
        <v>3748403</v>
      </c>
      <c r="K32" s="61">
        <v>1459396</v>
      </c>
      <c r="L32" s="61">
        <v>2576508</v>
      </c>
      <c r="M32" s="92">
        <v>38271857</v>
      </c>
      <c r="N32" s="61">
        <v>868283</v>
      </c>
      <c r="O32" s="61">
        <v>993005</v>
      </c>
      <c r="P32" s="94">
        <v>10383065</v>
      </c>
      <c r="Q32" s="234" t="s">
        <v>110</v>
      </c>
      <c r="R32" s="64">
        <v>25181</v>
      </c>
      <c r="S32" s="65">
        <v>1030926</v>
      </c>
      <c r="T32" s="95">
        <v>684136</v>
      </c>
      <c r="U32" s="64">
        <v>6926</v>
      </c>
      <c r="V32" s="65">
        <v>44639</v>
      </c>
      <c r="W32" s="96">
        <v>517176</v>
      </c>
      <c r="X32" s="61">
        <v>2334605</v>
      </c>
      <c r="Y32" s="92">
        <v>49856234</v>
      </c>
      <c r="Z32" s="67">
        <v>329</v>
      </c>
      <c r="AA32" s="61">
        <v>3492</v>
      </c>
      <c r="AB32" s="92">
        <v>68391</v>
      </c>
      <c r="AC32" s="61">
        <v>1312</v>
      </c>
      <c r="AD32" s="92">
        <v>48896</v>
      </c>
      <c r="AE32" s="61">
        <v>41215</v>
      </c>
      <c r="AF32" s="92">
        <v>302415</v>
      </c>
      <c r="AG32" s="61">
        <v>4273</v>
      </c>
      <c r="AH32" s="94">
        <v>132370</v>
      </c>
      <c r="AI32" s="234" t="s">
        <v>110</v>
      </c>
      <c r="AJ32" s="61">
        <v>3028</v>
      </c>
      <c r="AK32" s="92">
        <v>40065</v>
      </c>
      <c r="AL32" s="61">
        <v>10</v>
      </c>
      <c r="AM32" s="92">
        <v>229</v>
      </c>
      <c r="AN32" s="61">
        <v>53330</v>
      </c>
      <c r="AO32" s="92">
        <v>592366</v>
      </c>
      <c r="AP32" s="61">
        <v>2</v>
      </c>
      <c r="AQ32" s="94">
        <v>61</v>
      </c>
      <c r="AR32" s="61">
        <v>2388266</v>
      </c>
      <c r="AS32" s="94">
        <v>50448661</v>
      </c>
      <c r="AT32" s="97">
        <v>37058677</v>
      </c>
      <c r="AU32" s="92">
        <v>11769797</v>
      </c>
      <c r="AV32" s="92">
        <v>1620188</v>
      </c>
      <c r="AW32" s="62">
        <v>116858</v>
      </c>
      <c r="AX32" s="94">
        <v>5710983</v>
      </c>
      <c r="AY32" s="68">
        <v>273</v>
      </c>
      <c r="AZ32" s="94">
        <v>5299</v>
      </c>
      <c r="BA32" s="234" t="s">
        <v>110</v>
      </c>
      <c r="BB32" s="68">
        <v>453</v>
      </c>
      <c r="BC32" s="92">
        <v>175492</v>
      </c>
      <c r="BD32" s="69" t="s">
        <v>10</v>
      </c>
      <c r="BE32" s="69" t="s">
        <v>10</v>
      </c>
      <c r="BF32" s="61">
        <v>1180</v>
      </c>
      <c r="BG32" s="92">
        <v>58950</v>
      </c>
      <c r="BH32" s="61">
        <v>97</v>
      </c>
      <c r="BI32" s="92">
        <v>7747</v>
      </c>
      <c r="BJ32" s="61">
        <v>0</v>
      </c>
      <c r="BK32" s="92">
        <v>0</v>
      </c>
      <c r="BL32" s="61">
        <v>0</v>
      </c>
      <c r="BM32" s="93">
        <v>0</v>
      </c>
      <c r="BN32" s="68">
        <v>1730</v>
      </c>
      <c r="BO32" s="92">
        <v>242189</v>
      </c>
      <c r="BP32" s="67">
        <v>2389996</v>
      </c>
      <c r="BQ32" s="94">
        <v>50690850</v>
      </c>
      <c r="BR32" s="234" t="s">
        <v>110</v>
      </c>
      <c r="BS32" s="70">
        <v>1.5209999999999999</v>
      </c>
      <c r="BT32" s="71">
        <v>65.445999999999998</v>
      </c>
      <c r="BU32" s="71">
        <v>15.593999999999999</v>
      </c>
      <c r="BV32" s="71">
        <v>82.561000000000007</v>
      </c>
      <c r="BW32" s="72">
        <v>14.66</v>
      </c>
      <c r="BX32" s="72">
        <v>1.48</v>
      </c>
      <c r="BY32" s="72">
        <v>1.72</v>
      </c>
      <c r="BZ32" s="72">
        <v>1.77</v>
      </c>
      <c r="CA32" s="73">
        <v>43929</v>
      </c>
      <c r="CB32" s="61">
        <v>16542</v>
      </c>
      <c r="CC32" s="61">
        <v>7921</v>
      </c>
      <c r="CD32" s="63">
        <v>19021</v>
      </c>
    </row>
    <row r="33" spans="1:83" ht="12" customHeight="1" thickBot="1" x14ac:dyDescent="0.2">
      <c r="A33" s="113" t="s">
        <v>17</v>
      </c>
      <c r="B33" s="40"/>
      <c r="C33" s="40"/>
      <c r="D33" s="40"/>
      <c r="E33" s="40"/>
      <c r="F33" s="40"/>
      <c r="G33" s="40"/>
      <c r="H33" s="40"/>
      <c r="I33" s="40"/>
      <c r="J33" s="40"/>
      <c r="K33" s="40"/>
      <c r="L33" s="40"/>
      <c r="M33" s="40"/>
      <c r="N33" s="120"/>
      <c r="O33" s="40"/>
      <c r="P33" s="40"/>
      <c r="Q33" s="113" t="s">
        <v>17</v>
      </c>
      <c r="R33" s="40"/>
      <c r="S33" s="40"/>
      <c r="T33" s="41"/>
      <c r="U33" s="41"/>
      <c r="V33" s="41"/>
      <c r="W33" s="41"/>
      <c r="X33" s="41"/>
      <c r="Y33" s="40"/>
      <c r="Z33" s="40"/>
      <c r="AA33" s="40"/>
      <c r="AB33" s="40"/>
      <c r="AC33" s="40"/>
      <c r="AD33" s="40"/>
      <c r="AE33" s="40"/>
      <c r="AF33" s="40"/>
      <c r="AG33" s="40"/>
      <c r="AH33" s="40"/>
      <c r="AI33" s="113" t="s">
        <v>17</v>
      </c>
      <c r="AJ33" s="40"/>
      <c r="AK33" s="40"/>
      <c r="AL33" s="40"/>
      <c r="AM33" s="40"/>
      <c r="AN33" s="40"/>
      <c r="AO33" s="40"/>
      <c r="AP33" s="42"/>
      <c r="AQ33" s="42"/>
      <c r="AR33" s="40"/>
      <c r="AS33" s="40"/>
      <c r="AT33" s="40"/>
      <c r="AU33" s="40"/>
      <c r="AV33" s="40"/>
      <c r="AW33" s="40"/>
      <c r="AX33" s="40"/>
      <c r="AY33" s="40"/>
      <c r="AZ33" s="40"/>
      <c r="BA33" s="113" t="s">
        <v>17</v>
      </c>
      <c r="BB33" s="40"/>
      <c r="BC33" s="40"/>
      <c r="BD33" s="43"/>
      <c r="BE33" s="43"/>
      <c r="BF33" s="40"/>
      <c r="BG33" s="40"/>
      <c r="BH33" s="40"/>
      <c r="BI33" s="40"/>
      <c r="BJ33" s="40"/>
      <c r="BK33" s="40"/>
      <c r="BL33" s="40"/>
      <c r="BM33" s="40"/>
      <c r="BN33" s="40"/>
      <c r="BO33" s="40"/>
      <c r="BP33" s="40"/>
      <c r="BQ33" s="40"/>
      <c r="BR33" s="113" t="s">
        <v>17</v>
      </c>
      <c r="BS33" s="44"/>
      <c r="BT33" s="44"/>
      <c r="BU33" s="44"/>
      <c r="BV33" s="44"/>
      <c r="BW33" s="45"/>
      <c r="BX33" s="45"/>
      <c r="BY33" s="45"/>
      <c r="BZ33" s="45"/>
      <c r="CA33" s="46"/>
      <c r="CB33" s="40"/>
      <c r="CC33" s="40"/>
      <c r="CD33" s="40"/>
    </row>
    <row r="34" spans="1:83" s="74" customFormat="1" ht="15" customHeight="1" thickBot="1" x14ac:dyDescent="0.2">
      <c r="A34" s="235" t="s">
        <v>112</v>
      </c>
      <c r="B34" s="100">
        <v>12540</v>
      </c>
      <c r="C34" s="100">
        <v>112738</v>
      </c>
      <c r="D34" s="100">
        <v>7001363</v>
      </c>
      <c r="E34" s="100">
        <v>721420</v>
      </c>
      <c r="F34" s="100">
        <v>1013531</v>
      </c>
      <c r="G34" s="101">
        <v>9355236</v>
      </c>
      <c r="H34" s="100">
        <v>193274</v>
      </c>
      <c r="I34" s="100">
        <v>333772</v>
      </c>
      <c r="J34" s="100">
        <v>2645235</v>
      </c>
      <c r="K34" s="100">
        <v>927234</v>
      </c>
      <c r="L34" s="100">
        <v>1460041</v>
      </c>
      <c r="M34" s="100">
        <v>19001834</v>
      </c>
      <c r="N34" s="100">
        <v>510889</v>
      </c>
      <c r="O34" s="100">
        <v>590109</v>
      </c>
      <c r="P34" s="103">
        <v>5714320</v>
      </c>
      <c r="Q34" s="235" t="s">
        <v>112</v>
      </c>
      <c r="R34" s="104">
        <v>10843</v>
      </c>
      <c r="S34" s="100">
        <v>259940</v>
      </c>
      <c r="T34" s="101">
        <v>172902</v>
      </c>
      <c r="U34" s="104">
        <v>1558</v>
      </c>
      <c r="V34" s="100">
        <v>9128</v>
      </c>
      <c r="W34" s="100">
        <v>105146</v>
      </c>
      <c r="X34" s="100">
        <v>1439681</v>
      </c>
      <c r="Y34" s="100">
        <v>24994202</v>
      </c>
      <c r="Z34" s="105">
        <v>80</v>
      </c>
      <c r="AA34" s="100">
        <v>790</v>
      </c>
      <c r="AB34" s="100">
        <v>11839</v>
      </c>
      <c r="AC34" s="100">
        <v>725</v>
      </c>
      <c r="AD34" s="100">
        <v>28368</v>
      </c>
      <c r="AE34" s="100">
        <v>41246</v>
      </c>
      <c r="AF34" s="100">
        <v>271197</v>
      </c>
      <c r="AG34" s="100">
        <v>758</v>
      </c>
      <c r="AH34" s="103">
        <v>23482</v>
      </c>
      <c r="AI34" s="235" t="s">
        <v>112</v>
      </c>
      <c r="AJ34" s="100">
        <v>1074</v>
      </c>
      <c r="AK34" s="100">
        <v>14199</v>
      </c>
      <c r="AL34" s="100">
        <v>7</v>
      </c>
      <c r="AM34" s="100">
        <v>13</v>
      </c>
      <c r="AN34" s="100">
        <v>44600</v>
      </c>
      <c r="AO34" s="100">
        <v>349100</v>
      </c>
      <c r="AP34" s="100">
        <v>1</v>
      </c>
      <c r="AQ34" s="103">
        <v>50</v>
      </c>
      <c r="AR34" s="100">
        <v>1484362</v>
      </c>
      <c r="AS34" s="103">
        <v>25343351</v>
      </c>
      <c r="AT34" s="106">
        <v>18081101</v>
      </c>
      <c r="AU34" s="107">
        <v>6398572</v>
      </c>
      <c r="AV34" s="100">
        <v>863678</v>
      </c>
      <c r="AW34" s="102">
        <v>20728</v>
      </c>
      <c r="AX34" s="103">
        <v>1870907</v>
      </c>
      <c r="AY34" s="104">
        <v>1</v>
      </c>
      <c r="AZ34" s="103">
        <v>7</v>
      </c>
      <c r="BA34" s="235" t="s">
        <v>112</v>
      </c>
      <c r="BB34" s="104">
        <v>1214</v>
      </c>
      <c r="BC34" s="100">
        <v>449081</v>
      </c>
      <c r="BD34" s="108" t="s">
        <v>10</v>
      </c>
      <c r="BE34" s="108" t="s">
        <v>10</v>
      </c>
      <c r="BF34" s="100">
        <v>255</v>
      </c>
      <c r="BG34" s="100">
        <v>26570</v>
      </c>
      <c r="BH34" s="100">
        <v>3925</v>
      </c>
      <c r="BI34" s="100">
        <v>282166</v>
      </c>
      <c r="BJ34" s="100">
        <v>30</v>
      </c>
      <c r="BK34" s="100">
        <v>11447</v>
      </c>
      <c r="BL34" s="100">
        <v>10759</v>
      </c>
      <c r="BM34" s="101">
        <v>317007</v>
      </c>
      <c r="BN34" s="104">
        <v>16183</v>
      </c>
      <c r="BO34" s="100">
        <v>1086270</v>
      </c>
      <c r="BP34" s="109">
        <v>1500545</v>
      </c>
      <c r="BQ34" s="103">
        <v>26429621</v>
      </c>
      <c r="BR34" s="235" t="s">
        <v>112</v>
      </c>
      <c r="BS34" s="110">
        <v>9.4740000000000002</v>
      </c>
      <c r="BT34" s="111">
        <v>545.03099999999995</v>
      </c>
      <c r="BU34" s="111">
        <v>146.018</v>
      </c>
      <c r="BV34" s="111">
        <v>7067.8630000000003</v>
      </c>
      <c r="BW34" s="112">
        <v>8.99</v>
      </c>
      <c r="BX34" s="112">
        <v>1.4</v>
      </c>
      <c r="BY34" s="112">
        <v>1.73</v>
      </c>
      <c r="BZ34" s="112">
        <v>1.57</v>
      </c>
      <c r="CA34" s="100">
        <v>63637</v>
      </c>
      <c r="CB34" s="100">
        <v>14868</v>
      </c>
      <c r="CC34" s="100">
        <v>7925</v>
      </c>
      <c r="CD34" s="103">
        <v>17012</v>
      </c>
    </row>
    <row r="35" spans="1:83" s="74" customFormat="1" ht="14.4" customHeight="1" thickTop="1" x14ac:dyDescent="0.15">
      <c r="A35" s="231" t="s">
        <v>90</v>
      </c>
      <c r="B35" s="5">
        <v>921</v>
      </c>
      <c r="C35" s="5">
        <v>8835</v>
      </c>
      <c r="D35" s="5">
        <v>514793</v>
      </c>
      <c r="E35" s="5">
        <v>51868</v>
      </c>
      <c r="F35" s="5">
        <v>72814</v>
      </c>
      <c r="G35" s="48">
        <v>665026</v>
      </c>
      <c r="H35" s="5">
        <v>13029</v>
      </c>
      <c r="I35" s="5">
        <v>23730</v>
      </c>
      <c r="J35" s="5">
        <v>183524</v>
      </c>
      <c r="K35" s="5">
        <v>65818</v>
      </c>
      <c r="L35" s="5">
        <v>105379</v>
      </c>
      <c r="M35" s="5">
        <v>1363343</v>
      </c>
      <c r="N35" s="5">
        <v>38685</v>
      </c>
      <c r="O35" s="5">
        <v>44951</v>
      </c>
      <c r="P35" s="50">
        <v>503953</v>
      </c>
      <c r="Q35" s="231" t="s">
        <v>90</v>
      </c>
      <c r="R35" s="51">
        <v>848</v>
      </c>
      <c r="S35" s="52">
        <v>20728</v>
      </c>
      <c r="T35" s="53">
        <v>13790</v>
      </c>
      <c r="U35" s="51">
        <v>103</v>
      </c>
      <c r="V35" s="52">
        <v>590</v>
      </c>
      <c r="W35" s="52">
        <v>6868</v>
      </c>
      <c r="X35" s="5">
        <v>104606</v>
      </c>
      <c r="Y35" s="5">
        <v>1887954</v>
      </c>
      <c r="Z35" s="54">
        <v>18</v>
      </c>
      <c r="AA35" s="5">
        <v>64</v>
      </c>
      <c r="AB35" s="5">
        <v>2269</v>
      </c>
      <c r="AC35" s="5">
        <v>69</v>
      </c>
      <c r="AD35" s="5">
        <v>3831</v>
      </c>
      <c r="AE35" s="5">
        <v>3546</v>
      </c>
      <c r="AF35" s="5">
        <v>22347</v>
      </c>
      <c r="AG35" s="5">
        <v>77</v>
      </c>
      <c r="AH35" s="50">
        <v>2331</v>
      </c>
      <c r="AI35" s="231" t="s">
        <v>90</v>
      </c>
      <c r="AJ35" s="5">
        <v>101</v>
      </c>
      <c r="AK35" s="5">
        <v>1281</v>
      </c>
      <c r="AL35" s="5">
        <v>0</v>
      </c>
      <c r="AM35" s="5">
        <v>0</v>
      </c>
      <c r="AN35" s="5">
        <v>3857</v>
      </c>
      <c r="AO35" s="5">
        <v>32059</v>
      </c>
      <c r="AP35" s="5">
        <v>0</v>
      </c>
      <c r="AQ35" s="50">
        <v>0</v>
      </c>
      <c r="AR35" s="5">
        <v>108481</v>
      </c>
      <c r="AS35" s="50">
        <v>1920013</v>
      </c>
      <c r="AT35" s="4">
        <v>1369612</v>
      </c>
      <c r="AU35" s="5">
        <v>492544</v>
      </c>
      <c r="AV35" s="5">
        <v>57858</v>
      </c>
      <c r="AW35" s="49">
        <v>1757</v>
      </c>
      <c r="AX35" s="50">
        <v>153034</v>
      </c>
      <c r="AY35" s="4">
        <v>0</v>
      </c>
      <c r="AZ35" s="50">
        <v>0</v>
      </c>
      <c r="BA35" s="231" t="s">
        <v>90</v>
      </c>
      <c r="BB35" s="4">
        <v>139</v>
      </c>
      <c r="BC35" s="5">
        <v>57888</v>
      </c>
      <c r="BD35" s="55" t="s">
        <v>10</v>
      </c>
      <c r="BE35" s="55" t="s">
        <v>10</v>
      </c>
      <c r="BF35" s="5">
        <v>23</v>
      </c>
      <c r="BG35" s="5">
        <v>2500</v>
      </c>
      <c r="BH35" s="5">
        <v>332</v>
      </c>
      <c r="BI35" s="5">
        <v>25681</v>
      </c>
      <c r="BJ35" s="5">
        <v>3</v>
      </c>
      <c r="BK35" s="5">
        <v>902</v>
      </c>
      <c r="BL35" s="5">
        <v>861</v>
      </c>
      <c r="BM35" s="48">
        <v>26024</v>
      </c>
      <c r="BN35" s="4">
        <v>1358</v>
      </c>
      <c r="BO35" s="5">
        <v>112995</v>
      </c>
      <c r="BP35" s="54">
        <v>109839</v>
      </c>
      <c r="BQ35" s="50">
        <v>2033008</v>
      </c>
      <c r="BR35" s="231" t="s">
        <v>90</v>
      </c>
      <c r="BS35" s="56">
        <v>0.69299999999999995</v>
      </c>
      <c r="BT35" s="57">
        <v>39.024999999999999</v>
      </c>
      <c r="BU35" s="57">
        <v>9.8030000000000008</v>
      </c>
      <c r="BV35" s="57">
        <v>500.36599999999999</v>
      </c>
      <c r="BW35" s="58">
        <v>9.59</v>
      </c>
      <c r="BX35" s="58">
        <v>1.4</v>
      </c>
      <c r="BY35" s="58">
        <v>1.82</v>
      </c>
      <c r="BZ35" s="58">
        <v>1.6</v>
      </c>
      <c r="CA35" s="59">
        <v>59828</v>
      </c>
      <c r="CB35" s="5">
        <v>16054</v>
      </c>
      <c r="CC35" s="5">
        <v>7734</v>
      </c>
      <c r="CD35" s="50">
        <v>17816</v>
      </c>
    </row>
    <row r="36" spans="1:83" s="74" customFormat="1" ht="14.4" customHeight="1" x14ac:dyDescent="0.15">
      <c r="A36" s="231" t="s">
        <v>92</v>
      </c>
      <c r="B36" s="5">
        <v>834</v>
      </c>
      <c r="C36" s="5">
        <v>8141</v>
      </c>
      <c r="D36" s="5">
        <v>468294</v>
      </c>
      <c r="E36" s="5">
        <v>48930</v>
      </c>
      <c r="F36" s="5">
        <v>67735</v>
      </c>
      <c r="G36" s="48">
        <v>641793</v>
      </c>
      <c r="H36" s="5">
        <v>12452</v>
      </c>
      <c r="I36" s="5">
        <v>22288</v>
      </c>
      <c r="J36" s="5">
        <v>173607</v>
      </c>
      <c r="K36" s="5">
        <v>62216</v>
      </c>
      <c r="L36" s="5">
        <v>98164</v>
      </c>
      <c r="M36" s="5">
        <v>1283694</v>
      </c>
      <c r="N36" s="5">
        <v>35421</v>
      </c>
      <c r="O36" s="5">
        <v>40260</v>
      </c>
      <c r="P36" s="50">
        <v>409589</v>
      </c>
      <c r="Q36" s="231" t="s">
        <v>92</v>
      </c>
      <c r="R36" s="51">
        <v>748</v>
      </c>
      <c r="S36" s="52">
        <v>19110</v>
      </c>
      <c r="T36" s="53">
        <v>12637</v>
      </c>
      <c r="U36" s="51">
        <v>119</v>
      </c>
      <c r="V36" s="52">
        <v>615</v>
      </c>
      <c r="W36" s="52">
        <v>7065</v>
      </c>
      <c r="X36" s="5">
        <v>97756</v>
      </c>
      <c r="Y36" s="5">
        <v>1712984</v>
      </c>
      <c r="Z36" s="54">
        <v>6</v>
      </c>
      <c r="AA36" s="5">
        <v>42</v>
      </c>
      <c r="AB36" s="5">
        <v>432</v>
      </c>
      <c r="AC36" s="5">
        <v>48</v>
      </c>
      <c r="AD36" s="5">
        <v>1766</v>
      </c>
      <c r="AE36" s="5">
        <v>3664</v>
      </c>
      <c r="AF36" s="5">
        <v>23390</v>
      </c>
      <c r="AG36" s="5">
        <v>56</v>
      </c>
      <c r="AH36" s="50">
        <v>1727</v>
      </c>
      <c r="AI36" s="231" t="s">
        <v>92</v>
      </c>
      <c r="AJ36" s="5">
        <v>72</v>
      </c>
      <c r="AK36" s="5">
        <v>1176</v>
      </c>
      <c r="AL36" s="5">
        <v>0</v>
      </c>
      <c r="AM36" s="5">
        <v>0</v>
      </c>
      <c r="AN36" s="5">
        <v>3882</v>
      </c>
      <c r="AO36" s="5">
        <v>28491</v>
      </c>
      <c r="AP36" s="5">
        <v>0</v>
      </c>
      <c r="AQ36" s="50">
        <v>0</v>
      </c>
      <c r="AR36" s="5">
        <v>101644</v>
      </c>
      <c r="AS36" s="50">
        <v>1741475</v>
      </c>
      <c r="AT36" s="4">
        <v>1240587</v>
      </c>
      <c r="AU36" s="5">
        <v>448201</v>
      </c>
      <c r="AV36" s="5">
        <v>52687</v>
      </c>
      <c r="AW36" s="49">
        <v>1595</v>
      </c>
      <c r="AX36" s="50">
        <v>164737</v>
      </c>
      <c r="AY36" s="4">
        <v>1</v>
      </c>
      <c r="AZ36" s="50">
        <v>7</v>
      </c>
      <c r="BA36" s="231" t="s">
        <v>92</v>
      </c>
      <c r="BB36" s="4">
        <v>42</v>
      </c>
      <c r="BC36" s="5">
        <v>16149</v>
      </c>
      <c r="BD36" s="55" t="s">
        <v>10</v>
      </c>
      <c r="BE36" s="55" t="s">
        <v>10</v>
      </c>
      <c r="BF36" s="5">
        <v>10</v>
      </c>
      <c r="BG36" s="5">
        <v>1210</v>
      </c>
      <c r="BH36" s="5">
        <v>322</v>
      </c>
      <c r="BI36" s="5">
        <v>19727</v>
      </c>
      <c r="BJ36" s="5">
        <v>0</v>
      </c>
      <c r="BK36" s="5">
        <v>0</v>
      </c>
      <c r="BL36" s="5">
        <v>817</v>
      </c>
      <c r="BM36" s="48">
        <v>27043</v>
      </c>
      <c r="BN36" s="4">
        <v>1191</v>
      </c>
      <c r="BO36" s="5">
        <v>64129</v>
      </c>
      <c r="BP36" s="54">
        <v>102835</v>
      </c>
      <c r="BQ36" s="50">
        <v>1805604</v>
      </c>
      <c r="BR36" s="231" t="s">
        <v>92</v>
      </c>
      <c r="BS36" s="56">
        <v>0.627</v>
      </c>
      <c r="BT36" s="57">
        <v>36.801000000000002</v>
      </c>
      <c r="BU36" s="57">
        <v>9.3650000000000002</v>
      </c>
      <c r="BV36" s="57">
        <v>482.7</v>
      </c>
      <c r="BW36" s="58">
        <v>9.76</v>
      </c>
      <c r="BX36" s="58">
        <v>1.38</v>
      </c>
      <c r="BY36" s="58">
        <v>1.79</v>
      </c>
      <c r="BZ36" s="58">
        <v>1.58</v>
      </c>
      <c r="CA36" s="59">
        <v>59075</v>
      </c>
      <c r="CB36" s="5">
        <v>15522</v>
      </c>
      <c r="CC36" s="5">
        <v>7789</v>
      </c>
      <c r="CD36" s="50">
        <v>17342</v>
      </c>
    </row>
    <row r="37" spans="1:83" s="74" customFormat="1" ht="14.4" customHeight="1" x14ac:dyDescent="0.15">
      <c r="A37" s="231" t="s">
        <v>94</v>
      </c>
      <c r="B37" s="5">
        <v>897</v>
      </c>
      <c r="C37" s="5">
        <v>8408</v>
      </c>
      <c r="D37" s="5">
        <v>515644</v>
      </c>
      <c r="E37" s="5">
        <v>57783</v>
      </c>
      <c r="F37" s="5">
        <v>82339</v>
      </c>
      <c r="G37" s="48">
        <v>771890</v>
      </c>
      <c r="H37" s="5">
        <v>16144</v>
      </c>
      <c r="I37" s="5">
        <v>29387</v>
      </c>
      <c r="J37" s="5">
        <v>228594</v>
      </c>
      <c r="K37" s="5">
        <v>74824</v>
      </c>
      <c r="L37" s="5">
        <v>120134</v>
      </c>
      <c r="M37" s="5">
        <v>1516128</v>
      </c>
      <c r="N37" s="5">
        <v>40524</v>
      </c>
      <c r="O37" s="5">
        <v>46783</v>
      </c>
      <c r="P37" s="50">
        <v>461978</v>
      </c>
      <c r="Q37" s="231" t="s">
        <v>94</v>
      </c>
      <c r="R37" s="51">
        <v>779</v>
      </c>
      <c r="S37" s="52">
        <v>19414</v>
      </c>
      <c r="T37" s="53">
        <v>12892</v>
      </c>
      <c r="U37" s="51">
        <v>137</v>
      </c>
      <c r="V37" s="52">
        <v>805</v>
      </c>
      <c r="W37" s="52">
        <v>8811</v>
      </c>
      <c r="X37" s="5">
        <v>115485</v>
      </c>
      <c r="Y37" s="5">
        <v>1999810</v>
      </c>
      <c r="Z37" s="54">
        <v>10</v>
      </c>
      <c r="AA37" s="5">
        <v>57</v>
      </c>
      <c r="AB37" s="5">
        <v>539</v>
      </c>
      <c r="AC37" s="5">
        <v>48</v>
      </c>
      <c r="AD37" s="5">
        <v>1630</v>
      </c>
      <c r="AE37" s="5">
        <v>3164</v>
      </c>
      <c r="AF37" s="5">
        <v>20998</v>
      </c>
      <c r="AG37" s="5">
        <v>69</v>
      </c>
      <c r="AH37" s="50">
        <v>2425</v>
      </c>
      <c r="AI37" s="231" t="s">
        <v>94</v>
      </c>
      <c r="AJ37" s="5">
        <v>97</v>
      </c>
      <c r="AK37" s="5">
        <v>1175</v>
      </c>
      <c r="AL37" s="5">
        <v>0</v>
      </c>
      <c r="AM37" s="5">
        <v>0</v>
      </c>
      <c r="AN37" s="5">
        <v>3435</v>
      </c>
      <c r="AO37" s="5">
        <v>26766</v>
      </c>
      <c r="AP37" s="5">
        <v>0</v>
      </c>
      <c r="AQ37" s="50">
        <v>0</v>
      </c>
      <c r="AR37" s="5">
        <v>118930</v>
      </c>
      <c r="AS37" s="50">
        <v>2026576</v>
      </c>
      <c r="AT37" s="4">
        <v>1445053</v>
      </c>
      <c r="AU37" s="5">
        <v>519713</v>
      </c>
      <c r="AV37" s="5">
        <v>61810</v>
      </c>
      <c r="AW37" s="49">
        <v>1819</v>
      </c>
      <c r="AX37" s="50">
        <v>154871</v>
      </c>
      <c r="AY37" s="4">
        <v>0</v>
      </c>
      <c r="AZ37" s="50">
        <v>0</v>
      </c>
      <c r="BA37" s="231" t="s">
        <v>94</v>
      </c>
      <c r="BB37" s="4">
        <v>96</v>
      </c>
      <c r="BC37" s="5">
        <v>37834</v>
      </c>
      <c r="BD37" s="55" t="s">
        <v>10</v>
      </c>
      <c r="BE37" s="55" t="s">
        <v>10</v>
      </c>
      <c r="BF37" s="5">
        <v>34</v>
      </c>
      <c r="BG37" s="5">
        <v>3330</v>
      </c>
      <c r="BH37" s="5">
        <v>356</v>
      </c>
      <c r="BI37" s="5">
        <v>24522</v>
      </c>
      <c r="BJ37" s="5">
        <v>1</v>
      </c>
      <c r="BK37" s="5">
        <v>402</v>
      </c>
      <c r="BL37" s="5">
        <v>910</v>
      </c>
      <c r="BM37" s="48">
        <v>28148</v>
      </c>
      <c r="BN37" s="4">
        <v>1397</v>
      </c>
      <c r="BO37" s="5">
        <v>94237</v>
      </c>
      <c r="BP37" s="54">
        <v>120327</v>
      </c>
      <c r="BQ37" s="50">
        <v>2120812</v>
      </c>
      <c r="BR37" s="231" t="s">
        <v>94</v>
      </c>
      <c r="BS37" s="56">
        <v>0.67500000000000004</v>
      </c>
      <c r="BT37" s="57">
        <v>43.500999999999998</v>
      </c>
      <c r="BU37" s="57">
        <v>12.154</v>
      </c>
      <c r="BV37" s="57">
        <v>581.11099999999999</v>
      </c>
      <c r="BW37" s="58">
        <v>9.3699999999999992</v>
      </c>
      <c r="BX37" s="58">
        <v>1.42</v>
      </c>
      <c r="BY37" s="58">
        <v>1.82</v>
      </c>
      <c r="BZ37" s="58">
        <v>1.61</v>
      </c>
      <c r="CA37" s="59">
        <v>62861</v>
      </c>
      <c r="CB37" s="5">
        <v>14985</v>
      </c>
      <c r="CC37" s="5">
        <v>7779</v>
      </c>
      <c r="CD37" s="50">
        <v>16536</v>
      </c>
    </row>
    <row r="38" spans="1:83" s="74" customFormat="1" ht="14.4" customHeight="1" x14ac:dyDescent="0.15">
      <c r="A38" s="231" t="s">
        <v>96</v>
      </c>
      <c r="B38" s="5">
        <v>1072</v>
      </c>
      <c r="C38" s="5">
        <v>9259</v>
      </c>
      <c r="D38" s="5">
        <v>583030</v>
      </c>
      <c r="E38" s="5">
        <v>62494</v>
      </c>
      <c r="F38" s="5">
        <v>89365</v>
      </c>
      <c r="G38" s="48">
        <v>804519</v>
      </c>
      <c r="H38" s="5">
        <v>16401</v>
      </c>
      <c r="I38" s="5">
        <v>29225</v>
      </c>
      <c r="J38" s="5">
        <v>231692</v>
      </c>
      <c r="K38" s="5">
        <v>79967</v>
      </c>
      <c r="L38" s="5">
        <v>127849</v>
      </c>
      <c r="M38" s="5">
        <v>1619241</v>
      </c>
      <c r="N38" s="5">
        <v>44171</v>
      </c>
      <c r="O38" s="5">
        <v>51815</v>
      </c>
      <c r="P38" s="50">
        <v>492525</v>
      </c>
      <c r="Q38" s="231" t="s">
        <v>96</v>
      </c>
      <c r="R38" s="51">
        <v>926</v>
      </c>
      <c r="S38" s="52">
        <v>21408</v>
      </c>
      <c r="T38" s="53">
        <v>14202</v>
      </c>
      <c r="U38" s="51">
        <v>130</v>
      </c>
      <c r="V38" s="52">
        <v>783</v>
      </c>
      <c r="W38" s="52">
        <v>8876</v>
      </c>
      <c r="X38" s="5">
        <v>124268</v>
      </c>
      <c r="Y38" s="5">
        <v>2134844</v>
      </c>
      <c r="Z38" s="54">
        <v>2</v>
      </c>
      <c r="AA38" s="5">
        <v>69</v>
      </c>
      <c r="AB38" s="5">
        <v>554</v>
      </c>
      <c r="AC38" s="5">
        <v>78</v>
      </c>
      <c r="AD38" s="5">
        <v>3655</v>
      </c>
      <c r="AE38" s="5">
        <v>2729</v>
      </c>
      <c r="AF38" s="5">
        <v>18363</v>
      </c>
      <c r="AG38" s="5">
        <v>49</v>
      </c>
      <c r="AH38" s="50">
        <v>1536</v>
      </c>
      <c r="AI38" s="231" t="s">
        <v>96</v>
      </c>
      <c r="AJ38" s="5">
        <v>79</v>
      </c>
      <c r="AK38" s="5">
        <v>990</v>
      </c>
      <c r="AL38" s="5">
        <v>4</v>
      </c>
      <c r="AM38" s="5">
        <v>10</v>
      </c>
      <c r="AN38" s="5">
        <v>3008</v>
      </c>
      <c r="AO38" s="5">
        <v>25107</v>
      </c>
      <c r="AP38" s="5">
        <v>0</v>
      </c>
      <c r="AQ38" s="50">
        <v>0</v>
      </c>
      <c r="AR38" s="5">
        <v>127278</v>
      </c>
      <c r="AS38" s="50">
        <v>2159951</v>
      </c>
      <c r="AT38" s="4">
        <v>1539775</v>
      </c>
      <c r="AU38" s="5">
        <v>548229</v>
      </c>
      <c r="AV38" s="5">
        <v>71946</v>
      </c>
      <c r="AW38" s="49">
        <v>1576</v>
      </c>
      <c r="AX38" s="50">
        <v>138328</v>
      </c>
      <c r="AY38" s="4">
        <v>0</v>
      </c>
      <c r="AZ38" s="50">
        <v>0</v>
      </c>
      <c r="BA38" s="231" t="s">
        <v>96</v>
      </c>
      <c r="BB38" s="4">
        <v>89</v>
      </c>
      <c r="BC38" s="5">
        <v>32976</v>
      </c>
      <c r="BD38" s="55" t="s">
        <v>10</v>
      </c>
      <c r="BE38" s="55" t="s">
        <v>10</v>
      </c>
      <c r="BF38" s="5">
        <v>11</v>
      </c>
      <c r="BG38" s="5">
        <v>1580</v>
      </c>
      <c r="BH38" s="5">
        <v>322</v>
      </c>
      <c r="BI38" s="5">
        <v>25566</v>
      </c>
      <c r="BJ38" s="5">
        <v>1</v>
      </c>
      <c r="BK38" s="5">
        <v>402</v>
      </c>
      <c r="BL38" s="5">
        <v>872</v>
      </c>
      <c r="BM38" s="48">
        <v>24480</v>
      </c>
      <c r="BN38" s="4">
        <v>1295</v>
      </c>
      <c r="BO38" s="5">
        <v>85003</v>
      </c>
      <c r="BP38" s="54">
        <v>128573</v>
      </c>
      <c r="BQ38" s="50">
        <v>2244954</v>
      </c>
      <c r="BR38" s="231" t="s">
        <v>96</v>
      </c>
      <c r="BS38" s="56">
        <v>0.80900000000000005</v>
      </c>
      <c r="BT38" s="57">
        <v>47.134999999999998</v>
      </c>
      <c r="BU38" s="57">
        <v>12.37</v>
      </c>
      <c r="BV38" s="57">
        <v>606.79</v>
      </c>
      <c r="BW38" s="58">
        <v>8.64</v>
      </c>
      <c r="BX38" s="58">
        <v>1.43</v>
      </c>
      <c r="BY38" s="58">
        <v>1.78</v>
      </c>
      <c r="BZ38" s="58">
        <v>1.6</v>
      </c>
      <c r="CA38" s="59">
        <v>64503</v>
      </c>
      <c r="CB38" s="5">
        <v>14514</v>
      </c>
      <c r="CC38" s="5">
        <v>7928</v>
      </c>
      <c r="CD38" s="50">
        <v>16597</v>
      </c>
    </row>
    <row r="39" spans="1:83" s="74" customFormat="1" ht="14.4" customHeight="1" x14ac:dyDescent="0.15">
      <c r="A39" s="231" t="s">
        <v>98</v>
      </c>
      <c r="B39" s="5">
        <v>1220</v>
      </c>
      <c r="C39" s="5">
        <v>10155</v>
      </c>
      <c r="D39" s="5">
        <v>621308</v>
      </c>
      <c r="E39" s="5">
        <v>58855</v>
      </c>
      <c r="F39" s="5">
        <v>81090</v>
      </c>
      <c r="G39" s="48">
        <v>757379</v>
      </c>
      <c r="H39" s="5">
        <v>15720</v>
      </c>
      <c r="I39" s="5">
        <v>26660</v>
      </c>
      <c r="J39" s="5">
        <v>217877</v>
      </c>
      <c r="K39" s="5">
        <v>75795</v>
      </c>
      <c r="L39" s="5">
        <v>117905</v>
      </c>
      <c r="M39" s="5">
        <v>1596565</v>
      </c>
      <c r="N39" s="5">
        <v>40638</v>
      </c>
      <c r="O39" s="5">
        <v>46341</v>
      </c>
      <c r="P39" s="50">
        <v>463167</v>
      </c>
      <c r="Q39" s="231" t="s">
        <v>98</v>
      </c>
      <c r="R39" s="51">
        <v>1039</v>
      </c>
      <c r="S39" s="52">
        <v>23197</v>
      </c>
      <c r="T39" s="53">
        <v>15469</v>
      </c>
      <c r="U39" s="51">
        <v>126</v>
      </c>
      <c r="V39" s="52">
        <v>786</v>
      </c>
      <c r="W39" s="52">
        <v>8898</v>
      </c>
      <c r="X39" s="5">
        <v>116559</v>
      </c>
      <c r="Y39" s="5">
        <v>2084098</v>
      </c>
      <c r="Z39" s="54">
        <v>8</v>
      </c>
      <c r="AA39" s="5">
        <v>65</v>
      </c>
      <c r="AB39" s="5">
        <v>687</v>
      </c>
      <c r="AC39" s="5">
        <v>57</v>
      </c>
      <c r="AD39" s="5">
        <v>1866</v>
      </c>
      <c r="AE39" s="5">
        <v>3051</v>
      </c>
      <c r="AF39" s="5">
        <v>21658</v>
      </c>
      <c r="AG39" s="5">
        <v>53</v>
      </c>
      <c r="AH39" s="50">
        <v>1497</v>
      </c>
      <c r="AI39" s="231" t="s">
        <v>98</v>
      </c>
      <c r="AJ39" s="5">
        <v>71</v>
      </c>
      <c r="AK39" s="5">
        <v>945</v>
      </c>
      <c r="AL39" s="5">
        <v>0</v>
      </c>
      <c r="AM39" s="5">
        <v>0</v>
      </c>
      <c r="AN39" s="5">
        <v>3297</v>
      </c>
      <c r="AO39" s="5">
        <v>26653</v>
      </c>
      <c r="AP39" s="5">
        <v>0</v>
      </c>
      <c r="AQ39" s="50">
        <v>0</v>
      </c>
      <c r="AR39" s="5">
        <v>119864</v>
      </c>
      <c r="AS39" s="50">
        <v>2110751</v>
      </c>
      <c r="AT39" s="4">
        <v>1506115</v>
      </c>
      <c r="AU39" s="5">
        <v>538783</v>
      </c>
      <c r="AV39" s="5">
        <v>65853</v>
      </c>
      <c r="AW39" s="49">
        <v>1543</v>
      </c>
      <c r="AX39" s="50">
        <v>149507</v>
      </c>
      <c r="AY39" s="4">
        <v>0</v>
      </c>
      <c r="AZ39" s="50">
        <v>0</v>
      </c>
      <c r="BA39" s="231" t="s">
        <v>98</v>
      </c>
      <c r="BB39" s="4">
        <v>90</v>
      </c>
      <c r="BC39" s="5">
        <v>33356</v>
      </c>
      <c r="BD39" s="55" t="s">
        <v>10</v>
      </c>
      <c r="BE39" s="55" t="s">
        <v>10</v>
      </c>
      <c r="BF39" s="5">
        <v>14</v>
      </c>
      <c r="BG39" s="5">
        <v>1150</v>
      </c>
      <c r="BH39" s="5">
        <v>272</v>
      </c>
      <c r="BI39" s="5">
        <v>24295</v>
      </c>
      <c r="BJ39" s="5">
        <v>5</v>
      </c>
      <c r="BK39" s="5">
        <v>2009</v>
      </c>
      <c r="BL39" s="5">
        <v>815</v>
      </c>
      <c r="BM39" s="48">
        <v>22315</v>
      </c>
      <c r="BN39" s="4">
        <v>1196</v>
      </c>
      <c r="BO39" s="5">
        <v>83126</v>
      </c>
      <c r="BP39" s="54">
        <v>121060</v>
      </c>
      <c r="BQ39" s="50">
        <v>2193877</v>
      </c>
      <c r="BR39" s="231" t="s">
        <v>98</v>
      </c>
      <c r="BS39" s="56">
        <v>0.92100000000000004</v>
      </c>
      <c r="BT39" s="57">
        <v>44.406999999999996</v>
      </c>
      <c r="BU39" s="57">
        <v>11.861000000000001</v>
      </c>
      <c r="BV39" s="57">
        <v>571.46</v>
      </c>
      <c r="BW39" s="58">
        <v>8.32</v>
      </c>
      <c r="BX39" s="58">
        <v>1.38</v>
      </c>
      <c r="BY39" s="58">
        <v>1.7</v>
      </c>
      <c r="BZ39" s="58">
        <v>1.56</v>
      </c>
      <c r="CA39" s="59">
        <v>62706</v>
      </c>
      <c r="CB39" s="5">
        <v>15052</v>
      </c>
      <c r="CC39" s="5">
        <v>8172</v>
      </c>
      <c r="CD39" s="50">
        <v>17559</v>
      </c>
    </row>
    <row r="40" spans="1:83" s="74" customFormat="1" ht="14.4" customHeight="1" x14ac:dyDescent="0.15">
      <c r="A40" s="231" t="s">
        <v>100</v>
      </c>
      <c r="B40" s="5">
        <v>1144</v>
      </c>
      <c r="C40" s="5">
        <v>9414</v>
      </c>
      <c r="D40" s="5">
        <v>553968</v>
      </c>
      <c r="E40" s="5">
        <v>60460</v>
      </c>
      <c r="F40" s="5">
        <v>85412</v>
      </c>
      <c r="G40" s="48">
        <v>774370</v>
      </c>
      <c r="H40" s="5">
        <v>16772</v>
      </c>
      <c r="I40" s="5">
        <v>28735</v>
      </c>
      <c r="J40" s="5">
        <v>231603</v>
      </c>
      <c r="K40" s="5">
        <v>78376</v>
      </c>
      <c r="L40" s="5">
        <v>123561</v>
      </c>
      <c r="M40" s="5">
        <v>1559941</v>
      </c>
      <c r="N40" s="5">
        <v>41625</v>
      </c>
      <c r="O40" s="5">
        <v>48131</v>
      </c>
      <c r="P40" s="50">
        <v>454484</v>
      </c>
      <c r="Q40" s="231" t="s">
        <v>100</v>
      </c>
      <c r="R40" s="51">
        <v>924</v>
      </c>
      <c r="S40" s="52">
        <v>21290</v>
      </c>
      <c r="T40" s="53">
        <v>14166</v>
      </c>
      <c r="U40" s="51">
        <v>130</v>
      </c>
      <c r="V40" s="52">
        <v>797</v>
      </c>
      <c r="W40" s="52">
        <v>9340</v>
      </c>
      <c r="X40" s="5">
        <v>120131</v>
      </c>
      <c r="Y40" s="5">
        <v>2037932</v>
      </c>
      <c r="Z40" s="54">
        <v>9</v>
      </c>
      <c r="AA40" s="5">
        <v>24</v>
      </c>
      <c r="AB40" s="5">
        <v>506</v>
      </c>
      <c r="AC40" s="5">
        <v>58</v>
      </c>
      <c r="AD40" s="5">
        <v>2304</v>
      </c>
      <c r="AE40" s="5">
        <v>3395</v>
      </c>
      <c r="AF40" s="5">
        <v>24253</v>
      </c>
      <c r="AG40" s="5">
        <v>60</v>
      </c>
      <c r="AH40" s="50">
        <v>2122</v>
      </c>
      <c r="AI40" s="231" t="s">
        <v>100</v>
      </c>
      <c r="AJ40" s="5">
        <v>92</v>
      </c>
      <c r="AK40" s="5">
        <v>1262</v>
      </c>
      <c r="AL40" s="5">
        <v>0</v>
      </c>
      <c r="AM40" s="5">
        <v>0</v>
      </c>
      <c r="AN40" s="5">
        <v>3629</v>
      </c>
      <c r="AO40" s="5">
        <v>30446</v>
      </c>
      <c r="AP40" s="5">
        <v>1</v>
      </c>
      <c r="AQ40" s="50">
        <v>50</v>
      </c>
      <c r="AR40" s="5">
        <v>123770</v>
      </c>
      <c r="AS40" s="50">
        <v>2068427</v>
      </c>
      <c r="AT40" s="4">
        <v>1474956</v>
      </c>
      <c r="AU40" s="5">
        <v>523592</v>
      </c>
      <c r="AV40" s="5">
        <v>69880</v>
      </c>
      <c r="AW40" s="49">
        <v>1748</v>
      </c>
      <c r="AX40" s="50">
        <v>156683</v>
      </c>
      <c r="AY40" s="4">
        <v>0</v>
      </c>
      <c r="AZ40" s="50">
        <v>0</v>
      </c>
      <c r="BA40" s="231" t="s">
        <v>100</v>
      </c>
      <c r="BB40" s="4">
        <v>99</v>
      </c>
      <c r="BC40" s="5">
        <v>36670</v>
      </c>
      <c r="BD40" s="55" t="s">
        <v>10</v>
      </c>
      <c r="BE40" s="55" t="s">
        <v>10</v>
      </c>
      <c r="BF40" s="5">
        <v>25</v>
      </c>
      <c r="BG40" s="5">
        <v>2980</v>
      </c>
      <c r="BH40" s="5">
        <v>308</v>
      </c>
      <c r="BI40" s="5">
        <v>20091</v>
      </c>
      <c r="BJ40" s="5">
        <v>4</v>
      </c>
      <c r="BK40" s="5">
        <v>1607</v>
      </c>
      <c r="BL40" s="5">
        <v>837</v>
      </c>
      <c r="BM40" s="48">
        <v>22273</v>
      </c>
      <c r="BN40" s="4">
        <v>1273</v>
      </c>
      <c r="BO40" s="5">
        <v>83622</v>
      </c>
      <c r="BP40" s="54">
        <v>125043</v>
      </c>
      <c r="BQ40" s="50">
        <v>2152049</v>
      </c>
      <c r="BR40" s="231" t="s">
        <v>100</v>
      </c>
      <c r="BS40" s="56">
        <v>0.86199999999999999</v>
      </c>
      <c r="BT40" s="57">
        <v>45.567999999999998</v>
      </c>
      <c r="BU40" s="57">
        <v>12.641</v>
      </c>
      <c r="BV40" s="57">
        <v>583.63699999999994</v>
      </c>
      <c r="BW40" s="58">
        <v>8.23</v>
      </c>
      <c r="BX40" s="58">
        <v>1.41</v>
      </c>
      <c r="BY40" s="58">
        <v>1.71</v>
      </c>
      <c r="BZ40" s="58">
        <v>1.58</v>
      </c>
      <c r="CA40" s="59">
        <v>60350</v>
      </c>
      <c r="CB40" s="5">
        <v>14387</v>
      </c>
      <c r="CC40" s="5">
        <v>8060</v>
      </c>
      <c r="CD40" s="50">
        <v>16388</v>
      </c>
    </row>
    <row r="41" spans="1:83" s="74" customFormat="1" ht="14.4" customHeight="1" x14ac:dyDescent="0.15">
      <c r="A41" s="231" t="s">
        <v>102</v>
      </c>
      <c r="B41" s="5">
        <v>1186</v>
      </c>
      <c r="C41" s="5">
        <v>10117</v>
      </c>
      <c r="D41" s="5">
        <v>639020</v>
      </c>
      <c r="E41" s="5">
        <v>65472</v>
      </c>
      <c r="F41" s="5">
        <v>94565</v>
      </c>
      <c r="G41" s="48">
        <v>843081</v>
      </c>
      <c r="H41" s="5">
        <v>17265</v>
      </c>
      <c r="I41" s="5">
        <v>30071</v>
      </c>
      <c r="J41" s="5">
        <v>236792</v>
      </c>
      <c r="K41" s="5">
        <v>83923</v>
      </c>
      <c r="L41" s="5">
        <v>134753</v>
      </c>
      <c r="M41" s="5">
        <v>1718892</v>
      </c>
      <c r="N41" s="5">
        <v>45682</v>
      </c>
      <c r="O41" s="5">
        <v>53851</v>
      </c>
      <c r="P41" s="50">
        <v>492502</v>
      </c>
      <c r="Q41" s="231" t="s">
        <v>102</v>
      </c>
      <c r="R41" s="51">
        <v>980</v>
      </c>
      <c r="S41" s="52">
        <v>22612</v>
      </c>
      <c r="T41" s="53">
        <v>15053</v>
      </c>
      <c r="U41" s="51">
        <v>122</v>
      </c>
      <c r="V41" s="52">
        <v>729</v>
      </c>
      <c r="W41" s="52">
        <v>8384</v>
      </c>
      <c r="X41" s="5">
        <v>129727</v>
      </c>
      <c r="Y41" s="5">
        <v>2234831</v>
      </c>
      <c r="Z41" s="54">
        <v>8</v>
      </c>
      <c r="AA41" s="5">
        <v>78</v>
      </c>
      <c r="AB41" s="5">
        <v>2249</v>
      </c>
      <c r="AC41" s="5">
        <v>73</v>
      </c>
      <c r="AD41" s="5">
        <v>2620</v>
      </c>
      <c r="AE41" s="5">
        <v>3540</v>
      </c>
      <c r="AF41" s="5">
        <v>23008</v>
      </c>
      <c r="AG41" s="5">
        <v>56</v>
      </c>
      <c r="AH41" s="50">
        <v>1759</v>
      </c>
      <c r="AI41" s="231" t="s">
        <v>102</v>
      </c>
      <c r="AJ41" s="5">
        <v>92</v>
      </c>
      <c r="AK41" s="5">
        <v>1213</v>
      </c>
      <c r="AL41" s="5">
        <v>0</v>
      </c>
      <c r="AM41" s="5">
        <v>0</v>
      </c>
      <c r="AN41" s="5">
        <v>3839</v>
      </c>
      <c r="AO41" s="5">
        <v>30849</v>
      </c>
      <c r="AP41" s="5">
        <v>0</v>
      </c>
      <c r="AQ41" s="50">
        <v>0</v>
      </c>
      <c r="AR41" s="5">
        <v>133574</v>
      </c>
      <c r="AS41" s="50">
        <v>2265680</v>
      </c>
      <c r="AT41" s="4">
        <v>1618740</v>
      </c>
      <c r="AU41" s="5">
        <v>569245</v>
      </c>
      <c r="AV41" s="5">
        <v>77695</v>
      </c>
      <c r="AW41" s="49">
        <v>1796</v>
      </c>
      <c r="AX41" s="50">
        <v>156984</v>
      </c>
      <c r="AY41" s="4">
        <v>0</v>
      </c>
      <c r="AZ41" s="50">
        <v>0</v>
      </c>
      <c r="BA41" s="231" t="s">
        <v>102</v>
      </c>
      <c r="BB41" s="4">
        <v>111</v>
      </c>
      <c r="BC41" s="5">
        <v>37619</v>
      </c>
      <c r="BD41" s="55" t="s">
        <v>10</v>
      </c>
      <c r="BE41" s="55" t="s">
        <v>10</v>
      </c>
      <c r="BF41" s="5">
        <v>24</v>
      </c>
      <c r="BG41" s="5">
        <v>2300</v>
      </c>
      <c r="BH41" s="5">
        <v>330</v>
      </c>
      <c r="BI41" s="5">
        <v>24057</v>
      </c>
      <c r="BJ41" s="5">
        <v>4</v>
      </c>
      <c r="BK41" s="5">
        <v>1455</v>
      </c>
      <c r="BL41" s="5">
        <v>932</v>
      </c>
      <c r="BM41" s="48">
        <v>29587</v>
      </c>
      <c r="BN41" s="4">
        <v>1401</v>
      </c>
      <c r="BO41" s="5">
        <v>95018</v>
      </c>
      <c r="BP41" s="54">
        <v>134975</v>
      </c>
      <c r="BQ41" s="50">
        <v>2360698</v>
      </c>
      <c r="BR41" s="231" t="s">
        <v>102</v>
      </c>
      <c r="BS41" s="56">
        <v>0.89400000000000002</v>
      </c>
      <c r="BT41" s="57">
        <v>49.348999999999997</v>
      </c>
      <c r="BU41" s="57">
        <v>13.013</v>
      </c>
      <c r="BV41" s="57">
        <v>635.46299999999997</v>
      </c>
      <c r="BW41" s="58">
        <v>8.5299999999999994</v>
      </c>
      <c r="BX41" s="58">
        <v>1.44</v>
      </c>
      <c r="BY41" s="58">
        <v>1.74</v>
      </c>
      <c r="BZ41" s="58">
        <v>1.61</v>
      </c>
      <c r="CA41" s="59">
        <v>64651</v>
      </c>
      <c r="CB41" s="5">
        <v>14123</v>
      </c>
      <c r="CC41" s="5">
        <v>7874</v>
      </c>
      <c r="CD41" s="50">
        <v>16495</v>
      </c>
    </row>
    <row r="42" spans="1:83" s="74" customFormat="1" ht="14.4" customHeight="1" x14ac:dyDescent="0.15">
      <c r="A42" s="231" t="s">
        <v>104</v>
      </c>
      <c r="B42" s="5">
        <v>1109</v>
      </c>
      <c r="C42" s="5">
        <v>9451</v>
      </c>
      <c r="D42" s="5">
        <v>612418</v>
      </c>
      <c r="E42" s="5">
        <v>61094</v>
      </c>
      <c r="F42" s="5">
        <v>85760</v>
      </c>
      <c r="G42" s="48">
        <v>774326</v>
      </c>
      <c r="H42" s="5">
        <v>16555</v>
      </c>
      <c r="I42" s="5">
        <v>27829</v>
      </c>
      <c r="J42" s="5">
        <v>220706</v>
      </c>
      <c r="K42" s="5">
        <v>78758</v>
      </c>
      <c r="L42" s="5">
        <v>123040</v>
      </c>
      <c r="M42" s="5">
        <v>1607450</v>
      </c>
      <c r="N42" s="5">
        <v>42732</v>
      </c>
      <c r="O42" s="5">
        <v>49536</v>
      </c>
      <c r="P42" s="50">
        <v>454612</v>
      </c>
      <c r="Q42" s="231" t="s">
        <v>104</v>
      </c>
      <c r="R42" s="51">
        <v>934</v>
      </c>
      <c r="S42" s="52">
        <v>22090</v>
      </c>
      <c r="T42" s="53">
        <v>14579</v>
      </c>
      <c r="U42" s="51">
        <v>141</v>
      </c>
      <c r="V42" s="52">
        <v>839</v>
      </c>
      <c r="W42" s="52">
        <v>9407</v>
      </c>
      <c r="X42" s="5">
        <v>121631</v>
      </c>
      <c r="Y42" s="5">
        <v>2086048</v>
      </c>
      <c r="Z42" s="54">
        <v>4</v>
      </c>
      <c r="AA42" s="5">
        <v>122</v>
      </c>
      <c r="AB42" s="5">
        <v>901</v>
      </c>
      <c r="AC42" s="5">
        <v>64</v>
      </c>
      <c r="AD42" s="5">
        <v>2369</v>
      </c>
      <c r="AE42" s="5">
        <v>3675</v>
      </c>
      <c r="AF42" s="5">
        <v>23816</v>
      </c>
      <c r="AG42" s="5">
        <v>68</v>
      </c>
      <c r="AH42" s="50">
        <v>1950</v>
      </c>
      <c r="AI42" s="231" t="s">
        <v>104</v>
      </c>
      <c r="AJ42" s="5">
        <v>90</v>
      </c>
      <c r="AK42" s="5">
        <v>1137</v>
      </c>
      <c r="AL42" s="5">
        <v>0</v>
      </c>
      <c r="AM42" s="5">
        <v>0</v>
      </c>
      <c r="AN42" s="5">
        <v>4019</v>
      </c>
      <c r="AO42" s="5">
        <v>30173</v>
      </c>
      <c r="AP42" s="5">
        <v>0</v>
      </c>
      <c r="AQ42" s="50">
        <v>0</v>
      </c>
      <c r="AR42" s="5">
        <v>125654</v>
      </c>
      <c r="AS42" s="50">
        <v>2116221</v>
      </c>
      <c r="AT42" s="4">
        <v>1512123</v>
      </c>
      <c r="AU42" s="5">
        <v>529471</v>
      </c>
      <c r="AV42" s="5">
        <v>74628</v>
      </c>
      <c r="AW42" s="49">
        <v>1787</v>
      </c>
      <c r="AX42" s="50">
        <v>147635</v>
      </c>
      <c r="AY42" s="4">
        <v>0</v>
      </c>
      <c r="AZ42" s="50">
        <v>0</v>
      </c>
      <c r="BA42" s="231" t="s">
        <v>104</v>
      </c>
      <c r="BB42" s="4">
        <v>113</v>
      </c>
      <c r="BC42" s="5">
        <v>40620</v>
      </c>
      <c r="BD42" s="55" t="s">
        <v>10</v>
      </c>
      <c r="BE42" s="55" t="s">
        <v>10</v>
      </c>
      <c r="BF42" s="5">
        <v>21</v>
      </c>
      <c r="BG42" s="5">
        <v>2510</v>
      </c>
      <c r="BH42" s="5">
        <v>348</v>
      </c>
      <c r="BI42" s="5">
        <v>24053</v>
      </c>
      <c r="BJ42" s="5">
        <v>1</v>
      </c>
      <c r="BK42" s="5">
        <v>402</v>
      </c>
      <c r="BL42" s="5">
        <v>970</v>
      </c>
      <c r="BM42" s="48">
        <v>28837</v>
      </c>
      <c r="BN42" s="4">
        <v>1453</v>
      </c>
      <c r="BO42" s="5">
        <v>96421</v>
      </c>
      <c r="BP42" s="54">
        <v>127107</v>
      </c>
      <c r="BQ42" s="50">
        <v>2212642</v>
      </c>
      <c r="BR42" s="231" t="s">
        <v>104</v>
      </c>
      <c r="BS42" s="56">
        <v>0.83699999999999997</v>
      </c>
      <c r="BT42" s="57">
        <v>46.131</v>
      </c>
      <c r="BU42" s="57">
        <v>12.5</v>
      </c>
      <c r="BV42" s="57">
        <v>584.68399999999997</v>
      </c>
      <c r="BW42" s="58">
        <v>8.52</v>
      </c>
      <c r="BX42" s="58">
        <v>1.4</v>
      </c>
      <c r="BY42" s="58">
        <v>1.68</v>
      </c>
      <c r="BZ42" s="58">
        <v>1.56</v>
      </c>
      <c r="CA42" s="59">
        <v>66342</v>
      </c>
      <c r="CB42" s="5">
        <v>14330</v>
      </c>
      <c r="CC42" s="5">
        <v>7931</v>
      </c>
      <c r="CD42" s="50">
        <v>16839</v>
      </c>
    </row>
    <row r="43" spans="1:83" s="74" customFormat="1" ht="14.4" customHeight="1" x14ac:dyDescent="0.15">
      <c r="A43" s="231" t="s">
        <v>106</v>
      </c>
      <c r="B43" s="5">
        <v>1009</v>
      </c>
      <c r="C43" s="5">
        <v>9360</v>
      </c>
      <c r="D43" s="5">
        <v>606204</v>
      </c>
      <c r="E43" s="5">
        <v>63906</v>
      </c>
      <c r="F43" s="5">
        <v>90702</v>
      </c>
      <c r="G43" s="48">
        <v>823715</v>
      </c>
      <c r="H43" s="5">
        <v>17803</v>
      </c>
      <c r="I43" s="5">
        <v>29589</v>
      </c>
      <c r="J43" s="5">
        <v>234291</v>
      </c>
      <c r="K43" s="5">
        <v>82718</v>
      </c>
      <c r="L43" s="5">
        <v>129651</v>
      </c>
      <c r="M43" s="5">
        <v>1664210</v>
      </c>
      <c r="N43" s="5">
        <v>45677</v>
      </c>
      <c r="O43" s="5">
        <v>53411</v>
      </c>
      <c r="P43" s="50">
        <v>520038</v>
      </c>
      <c r="Q43" s="231" t="s">
        <v>106</v>
      </c>
      <c r="R43" s="51">
        <v>889</v>
      </c>
      <c r="S43" s="52">
        <v>20985</v>
      </c>
      <c r="T43" s="53">
        <v>14039</v>
      </c>
      <c r="U43" s="51">
        <v>121</v>
      </c>
      <c r="V43" s="52">
        <v>731</v>
      </c>
      <c r="W43" s="52">
        <v>8295</v>
      </c>
      <c r="X43" s="5">
        <v>128516</v>
      </c>
      <c r="Y43" s="5">
        <v>2206583</v>
      </c>
      <c r="Z43" s="54">
        <v>6</v>
      </c>
      <c r="AA43" s="5">
        <v>47</v>
      </c>
      <c r="AB43" s="5">
        <v>1391</v>
      </c>
      <c r="AC43" s="5">
        <v>54</v>
      </c>
      <c r="AD43" s="5">
        <v>2005</v>
      </c>
      <c r="AE43" s="5">
        <v>3744</v>
      </c>
      <c r="AF43" s="5">
        <v>24072</v>
      </c>
      <c r="AG43" s="5">
        <v>70</v>
      </c>
      <c r="AH43" s="50">
        <v>2118</v>
      </c>
      <c r="AI43" s="231" t="s">
        <v>106</v>
      </c>
      <c r="AJ43" s="5">
        <v>102</v>
      </c>
      <c r="AK43" s="5">
        <v>1364</v>
      </c>
      <c r="AL43" s="5">
        <v>0</v>
      </c>
      <c r="AM43" s="5">
        <v>0</v>
      </c>
      <c r="AN43" s="5">
        <v>4017</v>
      </c>
      <c r="AO43" s="5">
        <v>30949</v>
      </c>
      <c r="AP43" s="5">
        <v>0</v>
      </c>
      <c r="AQ43" s="50">
        <v>0</v>
      </c>
      <c r="AR43" s="5">
        <v>132539</v>
      </c>
      <c r="AS43" s="50">
        <v>2237532</v>
      </c>
      <c r="AT43" s="4">
        <v>1597956</v>
      </c>
      <c r="AU43" s="5">
        <v>556644</v>
      </c>
      <c r="AV43" s="5">
        <v>82933</v>
      </c>
      <c r="AW43" s="49">
        <v>1701</v>
      </c>
      <c r="AX43" s="50">
        <v>165680</v>
      </c>
      <c r="AY43" s="4">
        <v>0</v>
      </c>
      <c r="AZ43" s="50">
        <v>0</v>
      </c>
      <c r="BA43" s="231" t="s">
        <v>106</v>
      </c>
      <c r="BB43" s="4">
        <v>99</v>
      </c>
      <c r="BC43" s="5">
        <v>35723</v>
      </c>
      <c r="BD43" s="55" t="s">
        <v>10</v>
      </c>
      <c r="BE43" s="55" t="s">
        <v>10</v>
      </c>
      <c r="BF43" s="5">
        <v>24</v>
      </c>
      <c r="BG43" s="5">
        <v>2430</v>
      </c>
      <c r="BH43" s="5">
        <v>322</v>
      </c>
      <c r="BI43" s="5">
        <v>26335</v>
      </c>
      <c r="BJ43" s="5">
        <v>2</v>
      </c>
      <c r="BK43" s="5">
        <v>804</v>
      </c>
      <c r="BL43" s="5">
        <v>926</v>
      </c>
      <c r="BM43" s="48">
        <v>26708</v>
      </c>
      <c r="BN43" s="4">
        <v>1373</v>
      </c>
      <c r="BO43" s="5">
        <v>92000</v>
      </c>
      <c r="BP43" s="54">
        <v>133912</v>
      </c>
      <c r="BQ43" s="50">
        <v>2329532</v>
      </c>
      <c r="BR43" s="231" t="s">
        <v>106</v>
      </c>
      <c r="BS43" s="56">
        <v>0.76100000000000001</v>
      </c>
      <c r="BT43" s="57">
        <v>48.213000000000001</v>
      </c>
      <c r="BU43" s="57">
        <v>13.430999999999999</v>
      </c>
      <c r="BV43" s="57">
        <v>621.43700000000001</v>
      </c>
      <c r="BW43" s="58">
        <v>9.2799999999999994</v>
      </c>
      <c r="BX43" s="58">
        <v>1.42</v>
      </c>
      <c r="BY43" s="58">
        <v>1.66</v>
      </c>
      <c r="BZ43" s="58">
        <v>1.57</v>
      </c>
      <c r="CA43" s="59">
        <v>66265</v>
      </c>
      <c r="CB43" s="5">
        <v>14815</v>
      </c>
      <c r="CC43" s="5">
        <v>7918</v>
      </c>
      <c r="CD43" s="50">
        <v>16924</v>
      </c>
    </row>
    <row r="44" spans="1:83" s="74" customFormat="1" ht="14.4" customHeight="1" x14ac:dyDescent="0.15">
      <c r="A44" s="231" t="s">
        <v>108</v>
      </c>
      <c r="B44" s="75">
        <v>1002</v>
      </c>
      <c r="C44" s="5">
        <v>9882</v>
      </c>
      <c r="D44" s="5">
        <v>614689</v>
      </c>
      <c r="E44" s="5">
        <v>58431</v>
      </c>
      <c r="F44" s="5">
        <v>80133</v>
      </c>
      <c r="G44" s="48">
        <v>804211</v>
      </c>
      <c r="H44" s="5">
        <v>16173</v>
      </c>
      <c r="I44" s="5">
        <v>26569</v>
      </c>
      <c r="J44" s="5">
        <v>209201</v>
      </c>
      <c r="K44" s="5">
        <v>75606</v>
      </c>
      <c r="L44" s="5">
        <v>116584</v>
      </c>
      <c r="M44" s="5">
        <v>1628101</v>
      </c>
      <c r="N44" s="5">
        <v>40588</v>
      </c>
      <c r="O44" s="5">
        <v>45739</v>
      </c>
      <c r="P44" s="50">
        <v>444410</v>
      </c>
      <c r="Q44" s="231" t="s">
        <v>108</v>
      </c>
      <c r="R44" s="51">
        <v>878</v>
      </c>
      <c r="S44" s="52">
        <v>23141</v>
      </c>
      <c r="T44" s="53">
        <v>15366</v>
      </c>
      <c r="U44" s="51">
        <v>141</v>
      </c>
      <c r="V44" s="52">
        <v>774</v>
      </c>
      <c r="W44" s="52">
        <v>9387</v>
      </c>
      <c r="X44" s="5">
        <v>116335</v>
      </c>
      <c r="Y44" s="5">
        <v>2097264</v>
      </c>
      <c r="Z44" s="54">
        <v>4</v>
      </c>
      <c r="AA44" s="5">
        <v>59</v>
      </c>
      <c r="AB44" s="5">
        <v>1008</v>
      </c>
      <c r="AC44" s="5">
        <v>49</v>
      </c>
      <c r="AD44" s="5">
        <v>1512</v>
      </c>
      <c r="AE44" s="5">
        <v>3728</v>
      </c>
      <c r="AF44" s="5">
        <v>24257</v>
      </c>
      <c r="AG44" s="5">
        <v>63</v>
      </c>
      <c r="AH44" s="50">
        <v>1920</v>
      </c>
      <c r="AI44" s="231" t="s">
        <v>108</v>
      </c>
      <c r="AJ44" s="5">
        <v>109</v>
      </c>
      <c r="AK44" s="5">
        <v>1361</v>
      </c>
      <c r="AL44" s="5">
        <v>0</v>
      </c>
      <c r="AM44" s="5">
        <v>0</v>
      </c>
      <c r="AN44" s="5">
        <v>4008</v>
      </c>
      <c r="AO44" s="5">
        <v>30059</v>
      </c>
      <c r="AP44" s="5">
        <v>0</v>
      </c>
      <c r="AQ44" s="50">
        <v>0</v>
      </c>
      <c r="AR44" s="5">
        <v>120347</v>
      </c>
      <c r="AS44" s="50">
        <v>2127322</v>
      </c>
      <c r="AT44" s="4">
        <v>1518062</v>
      </c>
      <c r="AU44" s="5">
        <v>530468</v>
      </c>
      <c r="AV44" s="5">
        <v>78792</v>
      </c>
      <c r="AW44" s="49">
        <v>1718</v>
      </c>
      <c r="AX44" s="50">
        <v>157959</v>
      </c>
      <c r="AY44" s="4">
        <v>0</v>
      </c>
      <c r="AZ44" s="50">
        <v>0</v>
      </c>
      <c r="BA44" s="231" t="s">
        <v>108</v>
      </c>
      <c r="BB44" s="4">
        <v>119</v>
      </c>
      <c r="BC44" s="5">
        <v>42165</v>
      </c>
      <c r="BD44" s="55" t="s">
        <v>10</v>
      </c>
      <c r="BE44" s="55" t="s">
        <v>10</v>
      </c>
      <c r="BF44" s="5">
        <v>11</v>
      </c>
      <c r="BG44" s="5">
        <v>1340</v>
      </c>
      <c r="BH44" s="5">
        <v>275</v>
      </c>
      <c r="BI44" s="5">
        <v>17287</v>
      </c>
      <c r="BJ44" s="5">
        <v>3</v>
      </c>
      <c r="BK44" s="5">
        <v>1054</v>
      </c>
      <c r="BL44" s="5">
        <v>947</v>
      </c>
      <c r="BM44" s="48">
        <v>27748</v>
      </c>
      <c r="BN44" s="4">
        <v>1355</v>
      </c>
      <c r="BO44" s="5">
        <v>89593</v>
      </c>
      <c r="BP44" s="54">
        <v>121702</v>
      </c>
      <c r="BQ44" s="50">
        <v>2216916</v>
      </c>
      <c r="BR44" s="231" t="s">
        <v>108</v>
      </c>
      <c r="BS44" s="56">
        <v>0.75600000000000001</v>
      </c>
      <c r="BT44" s="57">
        <v>44.087000000000003</v>
      </c>
      <c r="BU44" s="57">
        <v>12.202999999999999</v>
      </c>
      <c r="BV44" s="57">
        <v>606.78200000000004</v>
      </c>
      <c r="BW44" s="58">
        <v>9.86</v>
      </c>
      <c r="BX44" s="58">
        <v>1.37</v>
      </c>
      <c r="BY44" s="58">
        <v>1.64</v>
      </c>
      <c r="BZ44" s="58">
        <v>1.54</v>
      </c>
      <c r="CA44" s="59">
        <v>63758</v>
      </c>
      <c r="CB44" s="5">
        <v>15582</v>
      </c>
      <c r="CC44" s="5">
        <v>7874</v>
      </c>
      <c r="CD44" s="50">
        <v>17871</v>
      </c>
    </row>
    <row r="45" spans="1:83" s="74" customFormat="1" ht="14.4" customHeight="1" x14ac:dyDescent="0.15">
      <c r="A45" s="231" t="s">
        <v>110</v>
      </c>
      <c r="B45" s="48">
        <v>976</v>
      </c>
      <c r="C45" s="5">
        <v>9217</v>
      </c>
      <c r="D45" s="5">
        <v>560464</v>
      </c>
      <c r="E45" s="5">
        <v>62273</v>
      </c>
      <c r="F45" s="5">
        <v>84563</v>
      </c>
      <c r="G45" s="48">
        <v>779068</v>
      </c>
      <c r="H45" s="5">
        <v>16465</v>
      </c>
      <c r="I45" s="5">
        <v>27494</v>
      </c>
      <c r="J45" s="5">
        <v>219431</v>
      </c>
      <c r="K45" s="5">
        <v>79714</v>
      </c>
      <c r="L45" s="5">
        <v>121274</v>
      </c>
      <c r="M45" s="5">
        <v>1558963</v>
      </c>
      <c r="N45" s="5">
        <v>44988</v>
      </c>
      <c r="O45" s="5">
        <v>50698</v>
      </c>
      <c r="P45" s="50">
        <v>472606</v>
      </c>
      <c r="Q45" s="231" t="s">
        <v>110</v>
      </c>
      <c r="R45" s="51">
        <v>861</v>
      </c>
      <c r="S45" s="52">
        <v>21919</v>
      </c>
      <c r="T45" s="53">
        <v>14639</v>
      </c>
      <c r="U45" s="51">
        <v>145</v>
      </c>
      <c r="V45" s="52">
        <v>791</v>
      </c>
      <c r="W45" s="52">
        <v>9186</v>
      </c>
      <c r="X45" s="5">
        <v>124847</v>
      </c>
      <c r="Y45" s="5">
        <v>2055395</v>
      </c>
      <c r="Z45" s="54">
        <v>0</v>
      </c>
      <c r="AA45" s="5">
        <v>43</v>
      </c>
      <c r="AB45" s="5">
        <v>388</v>
      </c>
      <c r="AC45" s="5">
        <v>70</v>
      </c>
      <c r="AD45" s="5">
        <v>2538</v>
      </c>
      <c r="AE45" s="5">
        <v>3512</v>
      </c>
      <c r="AF45" s="5">
        <v>22636</v>
      </c>
      <c r="AG45" s="5">
        <v>60</v>
      </c>
      <c r="AH45" s="50">
        <v>1725</v>
      </c>
      <c r="AI45" s="231" t="s">
        <v>110</v>
      </c>
      <c r="AJ45" s="5">
        <v>85</v>
      </c>
      <c r="AK45" s="5">
        <v>1119</v>
      </c>
      <c r="AL45" s="5">
        <v>0</v>
      </c>
      <c r="AM45" s="5">
        <v>0</v>
      </c>
      <c r="AN45" s="5">
        <v>3770</v>
      </c>
      <c r="AO45" s="5">
        <v>28407</v>
      </c>
      <c r="AP45" s="5">
        <v>0</v>
      </c>
      <c r="AQ45" s="50">
        <v>0</v>
      </c>
      <c r="AR45" s="5">
        <v>128617</v>
      </c>
      <c r="AS45" s="50">
        <v>2083801</v>
      </c>
      <c r="AT45" s="4">
        <v>1485573</v>
      </c>
      <c r="AU45" s="5">
        <v>521923</v>
      </c>
      <c r="AV45" s="5">
        <v>76306</v>
      </c>
      <c r="AW45" s="49">
        <v>1826</v>
      </c>
      <c r="AX45" s="50">
        <v>158607</v>
      </c>
      <c r="AY45" s="4">
        <v>0</v>
      </c>
      <c r="AZ45" s="50">
        <v>0</v>
      </c>
      <c r="BA45" s="231" t="s">
        <v>110</v>
      </c>
      <c r="BB45" s="4">
        <v>98</v>
      </c>
      <c r="BC45" s="5">
        <v>36551</v>
      </c>
      <c r="BD45" s="55" t="s">
        <v>10</v>
      </c>
      <c r="BE45" s="55" t="s">
        <v>10</v>
      </c>
      <c r="BF45" s="5">
        <v>37</v>
      </c>
      <c r="BG45" s="5">
        <v>3350</v>
      </c>
      <c r="BH45" s="5">
        <v>341</v>
      </c>
      <c r="BI45" s="5">
        <v>24103</v>
      </c>
      <c r="BJ45" s="5">
        <v>2</v>
      </c>
      <c r="BK45" s="5">
        <v>804</v>
      </c>
      <c r="BL45" s="5">
        <v>976</v>
      </c>
      <c r="BM45" s="48">
        <v>30225</v>
      </c>
      <c r="BN45" s="4">
        <v>1454</v>
      </c>
      <c r="BO45" s="5">
        <v>95032</v>
      </c>
      <c r="BP45" s="54">
        <v>130071</v>
      </c>
      <c r="BQ45" s="50">
        <v>2178834</v>
      </c>
      <c r="BR45" s="231" t="s">
        <v>110</v>
      </c>
      <c r="BS45" s="56">
        <v>0.73699999999999999</v>
      </c>
      <c r="BT45" s="57">
        <v>47.029000000000003</v>
      </c>
      <c r="BU45" s="57">
        <v>12.433999999999999</v>
      </c>
      <c r="BV45" s="57">
        <v>588.35799999999995</v>
      </c>
      <c r="BW45" s="58">
        <v>9.44</v>
      </c>
      <c r="BX45" s="58">
        <v>1.36</v>
      </c>
      <c r="BY45" s="58">
        <v>1.67</v>
      </c>
      <c r="BZ45" s="58">
        <v>1.52</v>
      </c>
      <c r="CA45" s="59">
        <v>62396</v>
      </c>
      <c r="CB45" s="5">
        <v>14802</v>
      </c>
      <c r="CC45" s="5">
        <v>7981</v>
      </c>
      <c r="CD45" s="50">
        <v>16839</v>
      </c>
    </row>
    <row r="46" spans="1:83" s="74" customFormat="1" ht="14.4" customHeight="1" thickBot="1" x14ac:dyDescent="0.2">
      <c r="A46" s="234" t="s">
        <v>113</v>
      </c>
      <c r="B46" s="60">
        <v>1170</v>
      </c>
      <c r="C46" s="61">
        <v>10499</v>
      </c>
      <c r="D46" s="61">
        <v>711531</v>
      </c>
      <c r="E46" s="61">
        <v>69854</v>
      </c>
      <c r="F46" s="61">
        <v>99053</v>
      </c>
      <c r="G46" s="60">
        <v>915859</v>
      </c>
      <c r="H46" s="61">
        <v>18495</v>
      </c>
      <c r="I46" s="61">
        <v>32195</v>
      </c>
      <c r="J46" s="61">
        <v>257917</v>
      </c>
      <c r="K46" s="61">
        <v>89519</v>
      </c>
      <c r="L46" s="61">
        <v>141747</v>
      </c>
      <c r="M46" s="61">
        <v>1885306</v>
      </c>
      <c r="N46" s="61">
        <v>50158</v>
      </c>
      <c r="O46" s="61">
        <v>58593</v>
      </c>
      <c r="P46" s="63">
        <v>544457</v>
      </c>
      <c r="Q46" s="234" t="s">
        <v>113</v>
      </c>
      <c r="R46" s="64">
        <v>1037</v>
      </c>
      <c r="S46" s="65">
        <v>24046</v>
      </c>
      <c r="T46" s="66">
        <v>16069</v>
      </c>
      <c r="U46" s="64">
        <v>143</v>
      </c>
      <c r="V46" s="65">
        <v>888</v>
      </c>
      <c r="W46" s="65">
        <v>10627</v>
      </c>
      <c r="X46" s="61">
        <v>139820</v>
      </c>
      <c r="Y46" s="61">
        <v>2456459</v>
      </c>
      <c r="Z46" s="67">
        <v>5</v>
      </c>
      <c r="AA46" s="61">
        <v>120</v>
      </c>
      <c r="AB46" s="61">
        <v>916</v>
      </c>
      <c r="AC46" s="61">
        <v>57</v>
      </c>
      <c r="AD46" s="61">
        <v>2272</v>
      </c>
      <c r="AE46" s="61">
        <v>3498</v>
      </c>
      <c r="AF46" s="61">
        <v>22401</v>
      </c>
      <c r="AG46" s="61">
        <v>77</v>
      </c>
      <c r="AH46" s="63">
        <v>2373</v>
      </c>
      <c r="AI46" s="234" t="s">
        <v>113</v>
      </c>
      <c r="AJ46" s="61">
        <v>84</v>
      </c>
      <c r="AK46" s="61">
        <v>1176</v>
      </c>
      <c r="AL46" s="61">
        <v>3</v>
      </c>
      <c r="AM46" s="61">
        <v>3</v>
      </c>
      <c r="AN46" s="61">
        <v>3839</v>
      </c>
      <c r="AO46" s="61">
        <v>29141</v>
      </c>
      <c r="AP46" s="61">
        <v>0</v>
      </c>
      <c r="AQ46" s="63">
        <v>0</v>
      </c>
      <c r="AR46" s="61">
        <v>143664</v>
      </c>
      <c r="AS46" s="63">
        <v>2485600</v>
      </c>
      <c r="AT46" s="68">
        <v>1772550</v>
      </c>
      <c r="AU46" s="61">
        <v>619759</v>
      </c>
      <c r="AV46" s="61">
        <v>93291</v>
      </c>
      <c r="AW46" s="62">
        <v>1862</v>
      </c>
      <c r="AX46" s="63">
        <v>166883</v>
      </c>
      <c r="AY46" s="68">
        <v>0</v>
      </c>
      <c r="AZ46" s="63">
        <v>0</v>
      </c>
      <c r="BA46" s="234" t="s">
        <v>113</v>
      </c>
      <c r="BB46" s="68">
        <v>119</v>
      </c>
      <c r="BC46" s="61">
        <v>41531</v>
      </c>
      <c r="BD46" s="69" t="s">
        <v>10</v>
      </c>
      <c r="BE46" s="69" t="s">
        <v>10</v>
      </c>
      <c r="BF46" s="61">
        <v>21</v>
      </c>
      <c r="BG46" s="61">
        <v>1890</v>
      </c>
      <c r="BH46" s="61">
        <v>397</v>
      </c>
      <c r="BI46" s="61">
        <v>26449</v>
      </c>
      <c r="BJ46" s="61">
        <v>4</v>
      </c>
      <c r="BK46" s="61">
        <v>1607</v>
      </c>
      <c r="BL46" s="61">
        <v>896</v>
      </c>
      <c r="BM46" s="60">
        <v>23618</v>
      </c>
      <c r="BN46" s="68">
        <v>1437</v>
      </c>
      <c r="BO46" s="61">
        <v>95095</v>
      </c>
      <c r="BP46" s="67">
        <v>145101</v>
      </c>
      <c r="BQ46" s="63">
        <v>2580695</v>
      </c>
      <c r="BR46" s="234" t="s">
        <v>113</v>
      </c>
      <c r="BS46" s="70">
        <v>0.88400000000000001</v>
      </c>
      <c r="BT46" s="71">
        <v>52.761000000000003</v>
      </c>
      <c r="BU46" s="71">
        <v>13.968999999999999</v>
      </c>
      <c r="BV46" s="71">
        <v>691.75199999999995</v>
      </c>
      <c r="BW46" s="72">
        <v>8.9700000000000006</v>
      </c>
      <c r="BX46" s="72">
        <v>1.42</v>
      </c>
      <c r="BY46" s="72">
        <v>1.74</v>
      </c>
      <c r="BZ46" s="72">
        <v>1.58</v>
      </c>
      <c r="CA46" s="73">
        <v>69302</v>
      </c>
      <c r="CB46" s="61">
        <v>14743</v>
      </c>
      <c r="CC46" s="61">
        <v>8011</v>
      </c>
      <c r="CD46" s="63">
        <v>17222</v>
      </c>
    </row>
    <row r="47" spans="1:83" s="1" customFormat="1" ht="10.199999999999999" customHeight="1" x14ac:dyDescent="0.15">
      <c r="A47" s="76"/>
      <c r="B47" s="42"/>
      <c r="C47" s="42"/>
      <c r="D47" s="42"/>
      <c r="E47" s="42"/>
      <c r="F47" s="42"/>
      <c r="G47" s="42"/>
      <c r="H47" s="42"/>
      <c r="I47" s="42"/>
      <c r="J47" s="42"/>
      <c r="K47" s="42"/>
      <c r="L47" s="42"/>
      <c r="M47" s="42"/>
      <c r="N47" s="42"/>
      <c r="O47" s="42"/>
      <c r="P47" s="42"/>
      <c r="Q47" s="76"/>
      <c r="R47" s="77"/>
      <c r="S47" s="77"/>
      <c r="T47" s="77"/>
      <c r="U47" s="77"/>
      <c r="V47" s="77"/>
      <c r="W47" s="77"/>
      <c r="X47" s="42"/>
      <c r="Y47" s="42"/>
      <c r="Z47" s="42"/>
      <c r="AA47" s="42"/>
      <c r="AB47" s="42"/>
      <c r="AC47" s="42"/>
      <c r="AD47" s="42"/>
      <c r="AE47" s="42"/>
      <c r="AF47" s="42"/>
      <c r="AG47" s="42"/>
      <c r="AH47" s="42"/>
      <c r="AI47" s="76"/>
      <c r="AJ47" s="42"/>
      <c r="AK47" s="42"/>
      <c r="AL47" s="42"/>
      <c r="AM47" s="42"/>
      <c r="AN47" s="42"/>
      <c r="AO47" s="42"/>
      <c r="AP47" s="42"/>
      <c r="AQ47" s="42"/>
      <c r="AR47" s="42"/>
      <c r="AS47" s="42"/>
      <c r="AT47" s="42"/>
      <c r="AU47" s="42"/>
      <c r="AV47" s="42"/>
      <c r="AW47" s="42"/>
      <c r="AX47" s="42"/>
      <c r="AY47" s="42"/>
      <c r="AZ47" s="42"/>
      <c r="BA47" s="76"/>
      <c r="BB47" s="42"/>
      <c r="BC47" s="42"/>
      <c r="BD47" s="78"/>
      <c r="BE47" s="78"/>
      <c r="BF47" s="42"/>
      <c r="BG47" s="42"/>
      <c r="BH47" s="42"/>
      <c r="BI47" s="42"/>
      <c r="BJ47" s="42"/>
      <c r="BK47" s="42"/>
      <c r="BL47" s="42"/>
      <c r="BM47" s="42"/>
      <c r="BN47" s="42"/>
      <c r="BO47" s="42"/>
      <c r="BP47" s="42"/>
      <c r="BQ47" s="42"/>
      <c r="BR47" s="98" t="s">
        <v>73</v>
      </c>
      <c r="BS47" s="98"/>
      <c r="BT47" s="98"/>
      <c r="BU47" s="98"/>
      <c r="BV47" s="98"/>
      <c r="BW47" s="98"/>
      <c r="BX47" s="98"/>
      <c r="BY47" s="98"/>
      <c r="BZ47" s="98"/>
      <c r="CA47" s="98"/>
      <c r="CB47" s="98"/>
      <c r="CC47" s="98"/>
      <c r="CD47" s="98"/>
      <c r="CE47" s="98"/>
    </row>
    <row r="48" spans="1:83" s="1" customFormat="1" ht="10.199999999999999" customHeight="1" x14ac:dyDescent="0.15">
      <c r="A48" s="79"/>
      <c r="B48" s="42"/>
      <c r="C48" s="42"/>
      <c r="D48" s="42"/>
      <c r="E48" s="42"/>
      <c r="F48" s="42"/>
      <c r="G48" s="42"/>
      <c r="H48" s="42"/>
      <c r="I48" s="42"/>
      <c r="J48" s="42"/>
      <c r="K48" s="42"/>
      <c r="L48" s="42"/>
      <c r="M48" s="42"/>
      <c r="N48" s="42"/>
      <c r="O48" s="42"/>
      <c r="P48" s="42"/>
      <c r="Q48" s="76"/>
      <c r="R48" s="77"/>
      <c r="S48" s="77"/>
      <c r="T48" s="77"/>
      <c r="U48" s="77"/>
      <c r="V48" s="77"/>
      <c r="W48" s="77"/>
      <c r="X48" s="42"/>
      <c r="Y48" s="42"/>
      <c r="Z48" s="42"/>
      <c r="AA48" s="42"/>
      <c r="AB48" s="42"/>
      <c r="AC48" s="42"/>
      <c r="AD48" s="42"/>
      <c r="AE48" s="42"/>
      <c r="AF48" s="42"/>
      <c r="AG48" s="42"/>
      <c r="AH48" s="42"/>
      <c r="AI48" s="76"/>
      <c r="AJ48" s="42"/>
      <c r="AK48" s="42"/>
      <c r="AL48" s="42"/>
      <c r="AM48" s="42"/>
      <c r="AN48" s="42"/>
      <c r="AO48" s="42"/>
      <c r="AP48" s="42"/>
      <c r="AQ48" s="42"/>
      <c r="AR48" s="42"/>
      <c r="AS48" s="42"/>
      <c r="AT48" s="42"/>
      <c r="AU48" s="42"/>
      <c r="AV48" s="42"/>
      <c r="AW48" s="42"/>
      <c r="AX48" s="42"/>
      <c r="AY48" s="42"/>
      <c r="AZ48" s="42"/>
      <c r="BA48" s="76"/>
      <c r="BB48" s="42"/>
      <c r="BC48" s="42"/>
      <c r="BD48" s="78"/>
      <c r="BE48" s="78"/>
      <c r="BF48" s="42"/>
      <c r="BG48" s="42"/>
      <c r="BH48" s="42"/>
      <c r="BI48" s="42"/>
      <c r="BJ48" s="42"/>
      <c r="BK48" s="42"/>
      <c r="BL48" s="42"/>
      <c r="BM48" s="42"/>
      <c r="BN48" s="42"/>
      <c r="BO48" s="42"/>
      <c r="BP48" s="42"/>
      <c r="BQ48" s="42"/>
      <c r="BR48" s="1" t="s">
        <v>60</v>
      </c>
      <c r="BS48" s="80"/>
      <c r="BT48" s="80"/>
      <c r="BU48" s="80"/>
      <c r="BV48" s="80"/>
      <c r="BW48" s="81"/>
      <c r="BX48" s="81"/>
      <c r="BY48" s="81"/>
      <c r="BZ48" s="81"/>
      <c r="CA48" s="82"/>
      <c r="CB48" s="42"/>
      <c r="CC48" s="42"/>
      <c r="CD48" s="42"/>
    </row>
    <row r="49" spans="1:70" s="15" customFormat="1" ht="17.25" customHeight="1" x14ac:dyDescent="0.15"/>
    <row r="50" spans="1:70" ht="17.25" customHeight="1" x14ac:dyDescent="0.15"/>
    <row r="51" spans="1:70" ht="17.25" customHeight="1" x14ac:dyDescent="0.15"/>
    <row r="52" spans="1:70" ht="18" customHeight="1" x14ac:dyDescent="0.15">
      <c r="A52" s="536"/>
      <c r="B52" s="40"/>
      <c r="C52" s="40"/>
      <c r="D52" s="40"/>
      <c r="E52" s="40"/>
      <c r="F52" s="40"/>
      <c r="G52" s="40"/>
      <c r="H52" s="40"/>
      <c r="I52" s="40"/>
      <c r="J52" s="40"/>
      <c r="K52" s="40"/>
      <c r="L52" s="40"/>
      <c r="M52" s="40"/>
      <c r="N52" s="40"/>
      <c r="O52" s="40"/>
      <c r="P52" s="40"/>
      <c r="Q52" s="536"/>
      <c r="R52" s="40"/>
      <c r="S52" s="40"/>
      <c r="T52" s="41"/>
      <c r="U52" s="41"/>
      <c r="V52" s="41"/>
      <c r="W52" s="41"/>
      <c r="X52" s="41"/>
      <c r="Y52" s="40"/>
      <c r="Z52" s="40"/>
      <c r="AA52" s="40"/>
      <c r="AB52" s="40"/>
      <c r="AC52" s="40"/>
      <c r="AD52" s="40"/>
      <c r="AE52" s="40"/>
      <c r="AF52" s="40"/>
      <c r="AG52" s="40"/>
      <c r="AH52" s="40"/>
      <c r="AI52" s="40"/>
      <c r="AJ52" s="40"/>
      <c r="AK52" s="40"/>
      <c r="AL52" s="40"/>
      <c r="AM52" s="40"/>
      <c r="AN52" s="40"/>
      <c r="AO52" s="40"/>
      <c r="AP52" s="42"/>
      <c r="AQ52" s="42"/>
      <c r="AR52" s="40"/>
      <c r="AS52" s="40"/>
      <c r="AT52" s="40"/>
      <c r="AU52" s="40"/>
      <c r="AV52" s="40"/>
      <c r="AW52" s="40"/>
      <c r="AX52" s="40"/>
      <c r="AY52" s="40"/>
      <c r="AZ52" s="40"/>
      <c r="BA52" s="40"/>
      <c r="BB52" s="40"/>
      <c r="BC52" s="40"/>
      <c r="BD52" s="43"/>
      <c r="BE52" s="43"/>
      <c r="BF52" s="40"/>
      <c r="BG52" s="40"/>
      <c r="BH52" s="40"/>
      <c r="BI52" s="40"/>
      <c r="BJ52" s="40"/>
      <c r="BK52" s="40"/>
      <c r="BL52" s="40"/>
      <c r="BM52" s="40"/>
      <c r="BN52" s="40"/>
      <c r="BO52" s="40"/>
      <c r="BP52" s="40"/>
      <c r="BQ52" s="40"/>
      <c r="BR52" s="40"/>
    </row>
    <row r="53" spans="1:70" ht="11.25" customHeight="1" x14ac:dyDescent="0.15">
      <c r="B53" s="753"/>
      <c r="C53" s="753"/>
      <c r="D53" s="753"/>
      <c r="E53" s="753"/>
      <c r="F53" s="753"/>
      <c r="G53" s="753"/>
      <c r="H53" s="753"/>
      <c r="I53" s="753"/>
      <c r="J53" s="753"/>
      <c r="K53" s="753"/>
      <c r="L53" s="753"/>
      <c r="M53" s="753"/>
      <c r="N53" s="753"/>
      <c r="O53" s="753"/>
      <c r="P53" s="753"/>
      <c r="Q53" s="753"/>
      <c r="R53" s="753"/>
      <c r="S53" s="753"/>
      <c r="T53" s="753"/>
      <c r="U53" s="806"/>
      <c r="V53" s="806"/>
      <c r="W53" s="806"/>
      <c r="X53" s="806"/>
      <c r="Y53" s="806"/>
      <c r="Z53" s="537"/>
      <c r="AA53" s="537"/>
      <c r="AB53" s="537"/>
      <c r="AC53" s="537"/>
      <c r="AD53" s="537"/>
      <c r="AE53" s="537"/>
      <c r="AF53" s="537"/>
      <c r="AG53" s="537"/>
      <c r="AH53" s="537"/>
      <c r="AJ53" s="842"/>
      <c r="AK53" s="842"/>
      <c r="AL53" s="842"/>
      <c r="AM53" s="842"/>
      <c r="AN53" s="842"/>
      <c r="AO53" s="842"/>
      <c r="AP53" s="537"/>
      <c r="AQ53" s="537"/>
      <c r="AR53" s="752"/>
      <c r="AS53" s="752"/>
      <c r="AT53" s="538"/>
      <c r="AU53" s="539"/>
      <c r="AV53" s="539"/>
      <c r="AW53" s="752"/>
      <c r="AX53" s="752"/>
      <c r="AY53" s="752"/>
      <c r="AZ53" s="752"/>
      <c r="BA53" s="83"/>
      <c r="BB53" s="539"/>
      <c r="BC53" s="538"/>
      <c r="BD53" s="539"/>
      <c r="BE53" s="539"/>
      <c r="BF53" s="539"/>
      <c r="BG53" s="539"/>
      <c r="BH53" s="539"/>
      <c r="BI53" s="539"/>
      <c r="BJ53" s="539"/>
      <c r="BK53" s="539"/>
      <c r="BL53" s="538"/>
      <c r="BM53" s="539"/>
      <c r="BN53" s="539"/>
      <c r="BO53" s="539"/>
      <c r="BP53" s="752"/>
      <c r="BQ53" s="752"/>
      <c r="BR53" s="83"/>
    </row>
    <row r="54" spans="1:70" ht="11.25" customHeight="1" x14ac:dyDescent="0.15">
      <c r="A54" s="78"/>
      <c r="B54" s="539"/>
      <c r="C54" s="539"/>
      <c r="D54" s="538"/>
      <c r="E54" s="539"/>
      <c r="F54" s="539"/>
      <c r="G54" s="539"/>
      <c r="H54" s="539"/>
      <c r="I54" s="539"/>
      <c r="J54" s="538"/>
      <c r="K54" s="539"/>
      <c r="L54" s="539"/>
      <c r="M54" s="539"/>
      <c r="N54" s="806"/>
      <c r="O54" s="806"/>
      <c r="P54" s="806"/>
      <c r="Q54" s="78"/>
      <c r="R54" s="753"/>
      <c r="S54" s="753"/>
      <c r="T54" s="753"/>
      <c r="U54" s="753"/>
      <c r="V54" s="753"/>
      <c r="W54" s="753"/>
      <c r="X54" s="753"/>
      <c r="Y54" s="753"/>
      <c r="Z54" s="752"/>
      <c r="AA54" s="806"/>
      <c r="AB54" s="806"/>
      <c r="AC54" s="806"/>
      <c r="AD54" s="806"/>
      <c r="AE54" s="806"/>
      <c r="AF54" s="806"/>
      <c r="AG54" s="806"/>
      <c r="AH54" s="806"/>
      <c r="AI54" s="78"/>
      <c r="AJ54" s="806"/>
      <c r="AK54" s="806"/>
      <c r="AL54" s="806"/>
      <c r="AM54" s="806"/>
      <c r="AN54" s="806"/>
      <c r="AO54" s="806"/>
      <c r="AP54" s="752"/>
      <c r="AQ54" s="752"/>
      <c r="AR54" s="752"/>
      <c r="AS54" s="752"/>
      <c r="AT54" s="804"/>
      <c r="AU54" s="843"/>
      <c r="AV54" s="843"/>
      <c r="AW54" s="752"/>
      <c r="AX54" s="752"/>
      <c r="AY54" s="752"/>
      <c r="AZ54" s="752"/>
      <c r="BA54" s="83"/>
      <c r="BB54" s="752"/>
      <c r="BC54" s="752"/>
      <c r="BD54" s="752"/>
      <c r="BE54" s="752"/>
      <c r="BF54" s="752"/>
      <c r="BG54" s="752"/>
      <c r="BH54" s="805"/>
      <c r="BI54" s="805"/>
      <c r="BJ54" s="805"/>
      <c r="BK54" s="805"/>
      <c r="BL54" s="752"/>
      <c r="BM54" s="752"/>
      <c r="BN54" s="752"/>
      <c r="BO54" s="752"/>
      <c r="BP54" s="752"/>
      <c r="BQ54" s="752"/>
      <c r="BR54" s="83"/>
    </row>
    <row r="55" spans="1:70" ht="11.25" customHeight="1" x14ac:dyDescent="0.2">
      <c r="A55" s="78"/>
      <c r="C55" s="78"/>
      <c r="F55" s="78"/>
      <c r="I55" s="78"/>
      <c r="L55" s="78"/>
      <c r="N55" s="806"/>
      <c r="O55" s="806"/>
      <c r="P55" s="806"/>
      <c r="Q55" s="78"/>
      <c r="R55" s="753"/>
      <c r="S55" s="753"/>
      <c r="T55" s="753"/>
      <c r="U55" s="753"/>
      <c r="V55" s="753"/>
      <c r="W55" s="753"/>
      <c r="X55" s="753"/>
      <c r="Y55" s="753"/>
      <c r="Z55" s="752"/>
      <c r="AA55" s="840"/>
      <c r="AB55" s="841"/>
      <c r="AC55" s="807"/>
      <c r="AD55" s="807"/>
      <c r="AE55" s="807"/>
      <c r="AF55" s="807"/>
      <c r="AG55" s="807"/>
      <c r="AH55" s="807"/>
      <c r="AI55" s="78"/>
      <c r="AJ55" s="807"/>
      <c r="AK55" s="807"/>
      <c r="AL55" s="840"/>
      <c r="AM55" s="841"/>
      <c r="AN55" s="538"/>
      <c r="AO55" s="539"/>
      <c r="AP55" s="752"/>
      <c r="AQ55" s="752"/>
      <c r="AR55" s="752"/>
      <c r="AS55" s="752"/>
      <c r="AT55" s="804"/>
      <c r="AU55" s="843"/>
      <c r="AV55" s="843"/>
      <c r="AW55" s="752"/>
      <c r="AX55" s="752"/>
      <c r="AY55" s="752"/>
      <c r="AZ55" s="752"/>
      <c r="BA55" s="83"/>
      <c r="BB55" s="752"/>
      <c r="BC55" s="752"/>
      <c r="BD55" s="752"/>
      <c r="BE55" s="752"/>
      <c r="BF55" s="752"/>
      <c r="BG55" s="752"/>
      <c r="BH55" s="805"/>
      <c r="BI55" s="805"/>
      <c r="BJ55" s="805"/>
      <c r="BK55" s="805"/>
      <c r="BL55" s="752"/>
      <c r="BM55" s="752"/>
      <c r="BN55" s="752"/>
      <c r="BO55" s="752"/>
      <c r="BP55" s="752"/>
      <c r="BQ55" s="752"/>
      <c r="BR55" s="83"/>
    </row>
    <row r="56" spans="1:70" ht="11.25" customHeight="1" x14ac:dyDescent="0.15">
      <c r="A56" s="540"/>
      <c r="B56" s="78"/>
      <c r="C56" s="78"/>
      <c r="D56" s="78"/>
      <c r="E56" s="78"/>
      <c r="F56" s="78"/>
      <c r="G56" s="78"/>
      <c r="H56" s="78"/>
      <c r="I56" s="78"/>
      <c r="J56" s="78"/>
      <c r="K56" s="78"/>
      <c r="L56" s="78"/>
      <c r="M56" s="78"/>
      <c r="N56" s="78"/>
      <c r="O56" s="78"/>
      <c r="P56" s="78"/>
      <c r="Q56" s="540"/>
      <c r="R56" s="78"/>
      <c r="S56" s="78"/>
      <c r="T56" s="78"/>
      <c r="U56" s="78"/>
      <c r="V56" s="78"/>
      <c r="W56" s="78"/>
      <c r="X56" s="78"/>
      <c r="Y56" s="78"/>
      <c r="Z56" s="83"/>
      <c r="AA56" s="78"/>
      <c r="AB56" s="78"/>
      <c r="AC56" s="78"/>
      <c r="AD56" s="78"/>
      <c r="AE56" s="78"/>
      <c r="AF56" s="78"/>
      <c r="AG56" s="78"/>
      <c r="AH56" s="78"/>
      <c r="AI56" s="540"/>
      <c r="AJ56" s="78"/>
      <c r="AK56" s="78"/>
      <c r="AL56" s="78"/>
      <c r="AM56" s="78"/>
      <c r="AN56" s="78"/>
      <c r="AO56" s="78"/>
      <c r="AP56" s="78"/>
      <c r="AQ56" s="78"/>
      <c r="AR56" s="78"/>
      <c r="AS56" s="78"/>
      <c r="AT56" s="804"/>
      <c r="AU56" s="843"/>
      <c r="AV56" s="843"/>
      <c r="AW56" s="78"/>
      <c r="AX56" s="78"/>
      <c r="AY56" s="78"/>
      <c r="AZ56" s="78"/>
      <c r="BA56" s="78"/>
      <c r="BB56" s="78"/>
      <c r="BC56" s="78"/>
      <c r="BD56" s="78"/>
      <c r="BE56" s="78"/>
      <c r="BF56" s="78"/>
      <c r="BG56" s="78"/>
      <c r="BH56" s="78"/>
      <c r="BI56" s="78"/>
      <c r="BJ56" s="78"/>
      <c r="BK56" s="78"/>
      <c r="BL56" s="78"/>
      <c r="BM56" s="78"/>
      <c r="BN56" s="78"/>
      <c r="BO56" s="78"/>
      <c r="BP56" s="78"/>
      <c r="BQ56" s="78"/>
      <c r="BR56" s="78"/>
    </row>
    <row r="57" spans="1:70" ht="11.25" customHeight="1" x14ac:dyDescent="0.15">
      <c r="A57" s="540"/>
      <c r="B57" s="78"/>
      <c r="C57" s="78"/>
      <c r="D57" s="78"/>
      <c r="E57" s="78"/>
      <c r="F57" s="78"/>
      <c r="G57" s="78"/>
      <c r="H57" s="78"/>
      <c r="I57" s="78"/>
      <c r="J57" s="78"/>
      <c r="K57" s="753"/>
      <c r="L57" s="753"/>
      <c r="M57" s="753"/>
      <c r="N57" s="78"/>
      <c r="O57" s="78"/>
      <c r="P57" s="78"/>
      <c r="Q57" s="540"/>
      <c r="R57" s="78"/>
      <c r="S57" s="78"/>
      <c r="T57" s="78"/>
      <c r="U57" s="78"/>
      <c r="V57" s="78"/>
      <c r="W57" s="78"/>
      <c r="X57" s="753"/>
      <c r="Y57" s="753"/>
      <c r="Z57" s="83"/>
      <c r="AA57" s="78"/>
      <c r="AB57" s="78"/>
      <c r="AC57" s="78"/>
      <c r="AD57" s="78"/>
      <c r="AE57" s="78"/>
      <c r="AF57" s="78"/>
      <c r="AG57" s="78"/>
      <c r="AH57" s="78"/>
      <c r="AI57" s="540"/>
      <c r="AJ57" s="78"/>
      <c r="AK57" s="78"/>
      <c r="AL57" s="78"/>
      <c r="AM57" s="78"/>
      <c r="AN57" s="753"/>
      <c r="AO57" s="753"/>
      <c r="AP57" s="78"/>
      <c r="AQ57" s="78"/>
      <c r="AR57" s="753"/>
      <c r="AS57" s="753"/>
      <c r="AT57" s="541"/>
      <c r="AU57" s="542"/>
      <c r="AV57" s="542"/>
      <c r="AW57" s="78"/>
      <c r="AX57" s="78"/>
      <c r="AY57" s="78"/>
      <c r="AZ57" s="78"/>
      <c r="BA57" s="78"/>
      <c r="BB57" s="78"/>
      <c r="BC57" s="78"/>
      <c r="BD57" s="78"/>
      <c r="BE57" s="78"/>
      <c r="BF57" s="78"/>
      <c r="BG57" s="78"/>
      <c r="BH57" s="78"/>
      <c r="BI57" s="78"/>
      <c r="BJ57" s="78"/>
      <c r="BK57" s="78"/>
      <c r="BL57" s="78"/>
      <c r="BM57" s="78"/>
      <c r="BN57" s="753"/>
      <c r="BO57" s="753"/>
      <c r="BP57" s="753"/>
      <c r="BQ57" s="753"/>
      <c r="BR57" s="78"/>
    </row>
    <row r="58" spans="1:70" ht="15" customHeight="1" x14ac:dyDescent="0.2">
      <c r="A58" s="543"/>
      <c r="B58" s="544"/>
      <c r="C58" s="545"/>
      <c r="D58" s="545"/>
      <c r="E58" s="546"/>
      <c r="F58" s="544"/>
      <c r="G58" s="545"/>
      <c r="H58" s="544"/>
      <c r="I58" s="545"/>
      <c r="J58" s="547"/>
      <c r="K58" s="548"/>
      <c r="L58" s="548"/>
      <c r="M58" s="548"/>
      <c r="N58" s="547"/>
      <c r="O58" s="547"/>
      <c r="P58" s="547"/>
      <c r="Q58" s="543"/>
      <c r="R58" s="547"/>
      <c r="S58" s="547"/>
      <c r="T58" s="547"/>
      <c r="U58" s="547"/>
      <c r="V58" s="547"/>
      <c r="W58" s="547"/>
      <c r="X58" s="548"/>
      <c r="Y58" s="548"/>
      <c r="Z58" s="549"/>
      <c r="AA58" s="545"/>
      <c r="AB58" s="545"/>
      <c r="AC58" s="545"/>
      <c r="AD58" s="545"/>
      <c r="AE58" s="545"/>
      <c r="AF58" s="544"/>
      <c r="AG58" s="545"/>
      <c r="AH58" s="544"/>
      <c r="AI58" s="543"/>
      <c r="AJ58" s="545"/>
      <c r="AK58" s="545"/>
      <c r="AL58" s="545"/>
      <c r="AM58" s="545"/>
      <c r="AN58" s="548"/>
      <c r="AO58" s="548"/>
      <c r="AP58" s="545"/>
      <c r="AQ58" s="545"/>
      <c r="AR58" s="548"/>
      <c r="AS58" s="548"/>
      <c r="AT58" s="550"/>
      <c r="AU58" s="550"/>
      <c r="AV58" s="545"/>
      <c r="AW58" s="545"/>
      <c r="AX58" s="545"/>
      <c r="AY58" s="545"/>
      <c r="AZ58" s="545"/>
      <c r="BA58" s="543"/>
      <c r="BB58" s="545"/>
      <c r="BC58" s="545"/>
      <c r="BD58" s="548"/>
      <c r="BE58" s="548"/>
      <c r="BF58" s="545"/>
      <c r="BG58" s="545"/>
      <c r="BH58" s="548"/>
      <c r="BI58" s="548"/>
      <c r="BJ58" s="548"/>
      <c r="BK58" s="548"/>
      <c r="BL58" s="545"/>
      <c r="BM58" s="545"/>
      <c r="BN58" s="548"/>
      <c r="BO58" s="548"/>
      <c r="BP58" s="548"/>
      <c r="BQ58" s="548"/>
      <c r="BR58" s="84"/>
    </row>
    <row r="59" spans="1:70" ht="15" customHeight="1" x14ac:dyDescent="0.2">
      <c r="A59" s="551"/>
      <c r="B59" s="552"/>
      <c r="C59" s="552"/>
      <c r="D59" s="552"/>
      <c r="E59" s="553"/>
      <c r="F59" s="552"/>
      <c r="G59" s="552"/>
      <c r="H59" s="552"/>
      <c r="I59" s="552"/>
      <c r="J59" s="552"/>
      <c r="K59" s="548"/>
      <c r="L59" s="548"/>
      <c r="M59" s="548"/>
      <c r="N59" s="552"/>
      <c r="O59" s="552"/>
      <c r="P59" s="552"/>
      <c r="Q59" s="551"/>
      <c r="R59" s="552"/>
      <c r="S59" s="552"/>
      <c r="T59" s="554"/>
      <c r="U59" s="554"/>
      <c r="V59" s="554"/>
      <c r="W59" s="554"/>
      <c r="X59" s="548"/>
      <c r="Y59" s="548"/>
      <c r="Z59" s="552"/>
      <c r="AA59" s="552"/>
      <c r="AB59" s="552"/>
      <c r="AC59" s="552"/>
      <c r="AD59" s="552"/>
      <c r="AE59" s="552"/>
      <c r="AF59" s="552"/>
      <c r="AG59" s="552"/>
      <c r="AH59" s="552"/>
      <c r="AI59" s="551"/>
      <c r="AJ59" s="552"/>
      <c r="AK59" s="552"/>
      <c r="AL59" s="552"/>
      <c r="AM59" s="552"/>
      <c r="AN59" s="548"/>
      <c r="AO59" s="548"/>
      <c r="AP59" s="552"/>
      <c r="AQ59" s="552"/>
      <c r="AR59" s="548"/>
      <c r="AS59" s="548"/>
      <c r="AT59" s="552"/>
      <c r="AU59" s="552"/>
      <c r="AV59" s="552"/>
      <c r="AW59" s="552"/>
      <c r="AX59" s="552"/>
      <c r="AY59" s="552"/>
      <c r="AZ59" s="552"/>
      <c r="BA59" s="551"/>
      <c r="BB59" s="552"/>
      <c r="BC59" s="552"/>
      <c r="BD59" s="555"/>
      <c r="BE59" s="555"/>
      <c r="BF59" s="552"/>
      <c r="BG59" s="552"/>
      <c r="BH59" s="552"/>
      <c r="BI59" s="552"/>
      <c r="BJ59" s="552"/>
      <c r="BK59" s="552"/>
      <c r="BL59" s="552"/>
      <c r="BM59" s="552"/>
      <c r="BN59" s="548"/>
      <c r="BO59" s="548"/>
      <c r="BP59" s="548"/>
      <c r="BQ59" s="548"/>
      <c r="BR59" s="84"/>
    </row>
    <row r="60" spans="1:70" ht="15" customHeight="1" x14ac:dyDescent="0.2">
      <c r="A60" s="551"/>
      <c r="B60" s="552"/>
      <c r="C60" s="552"/>
      <c r="D60" s="552"/>
      <c r="E60" s="553"/>
      <c r="F60" s="552"/>
      <c r="G60" s="552"/>
      <c r="H60" s="552"/>
      <c r="I60" s="552"/>
      <c r="J60" s="552"/>
      <c r="K60" s="548"/>
      <c r="L60" s="548"/>
      <c r="M60" s="548"/>
      <c r="N60" s="552"/>
      <c r="O60" s="552"/>
      <c r="P60" s="552"/>
      <c r="Q60" s="551"/>
      <c r="R60" s="552"/>
      <c r="S60" s="552"/>
      <c r="T60" s="554"/>
      <c r="U60" s="554"/>
      <c r="V60" s="554"/>
      <c r="W60" s="554"/>
      <c r="X60" s="548"/>
      <c r="Y60" s="548"/>
      <c r="Z60" s="552"/>
      <c r="AA60" s="552"/>
      <c r="AB60" s="552"/>
      <c r="AC60" s="552"/>
      <c r="AD60" s="552"/>
      <c r="AE60" s="552"/>
      <c r="AF60" s="552"/>
      <c r="AG60" s="552"/>
      <c r="AH60" s="552"/>
      <c r="AI60" s="551"/>
      <c r="AJ60" s="552"/>
      <c r="AK60" s="552"/>
      <c r="AL60" s="552"/>
      <c r="AM60" s="552"/>
      <c r="AN60" s="548"/>
      <c r="AO60" s="548"/>
      <c r="AP60" s="552"/>
      <c r="AQ60" s="552"/>
      <c r="AR60" s="548"/>
      <c r="AS60" s="548"/>
      <c r="AT60" s="552"/>
      <c r="AU60" s="552"/>
      <c r="AV60" s="552"/>
      <c r="AW60" s="552"/>
      <c r="AX60" s="552"/>
      <c r="AY60" s="552"/>
      <c r="AZ60" s="552"/>
      <c r="BA60" s="551"/>
      <c r="BB60" s="552"/>
      <c r="BC60" s="552"/>
      <c r="BD60" s="555"/>
      <c r="BE60" s="555"/>
      <c r="BF60" s="552"/>
      <c r="BG60" s="552"/>
      <c r="BH60" s="552"/>
      <c r="BI60" s="552"/>
      <c r="BJ60" s="552"/>
      <c r="BK60" s="552"/>
      <c r="BL60" s="552"/>
      <c r="BM60" s="552"/>
      <c r="BN60" s="548"/>
      <c r="BO60" s="548"/>
      <c r="BP60" s="548"/>
      <c r="BQ60" s="548"/>
      <c r="BR60" s="84"/>
    </row>
    <row r="61" spans="1:70" ht="15" customHeight="1" x14ac:dyDescent="0.2">
      <c r="A61" s="551"/>
      <c r="B61" s="552"/>
      <c r="C61" s="552"/>
      <c r="D61" s="552"/>
      <c r="E61" s="553"/>
      <c r="F61" s="552"/>
      <c r="G61" s="552"/>
      <c r="H61" s="552"/>
      <c r="I61" s="552"/>
      <c r="J61" s="552"/>
      <c r="K61" s="548"/>
      <c r="L61" s="548"/>
      <c r="M61" s="548"/>
      <c r="N61" s="552"/>
      <c r="O61" s="552"/>
      <c r="P61" s="552"/>
      <c r="Q61" s="551"/>
      <c r="R61" s="552"/>
      <c r="S61" s="552"/>
      <c r="T61" s="554"/>
      <c r="U61" s="554"/>
      <c r="V61" s="554"/>
      <c r="W61" s="554"/>
      <c r="X61" s="548"/>
      <c r="Y61" s="548"/>
      <c r="Z61" s="552"/>
      <c r="AA61" s="552"/>
      <c r="AB61" s="552"/>
      <c r="AC61" s="552"/>
      <c r="AD61" s="552"/>
      <c r="AE61" s="552"/>
      <c r="AF61" s="552"/>
      <c r="AG61" s="552"/>
      <c r="AH61" s="552"/>
      <c r="AI61" s="551"/>
      <c r="AJ61" s="552"/>
      <c r="AK61" s="552"/>
      <c r="AL61" s="552"/>
      <c r="AM61" s="552"/>
      <c r="AN61" s="548"/>
      <c r="AO61" s="548"/>
      <c r="AP61" s="552"/>
      <c r="AQ61" s="552"/>
      <c r="AR61" s="548"/>
      <c r="AS61" s="548"/>
      <c r="AT61" s="552"/>
      <c r="AU61" s="552"/>
      <c r="AV61" s="552"/>
      <c r="AW61" s="552"/>
      <c r="AX61" s="552"/>
      <c r="AY61" s="552"/>
      <c r="AZ61" s="552"/>
      <c r="BA61" s="551"/>
      <c r="BB61" s="552"/>
      <c r="BC61" s="552"/>
      <c r="BD61" s="555"/>
      <c r="BE61" s="555"/>
      <c r="BF61" s="552"/>
      <c r="BG61" s="552"/>
      <c r="BH61" s="552"/>
      <c r="BI61" s="552"/>
      <c r="BJ61" s="552"/>
      <c r="BK61" s="552"/>
      <c r="BL61" s="552"/>
      <c r="BM61" s="552"/>
      <c r="BN61" s="548"/>
      <c r="BO61" s="548"/>
      <c r="BP61" s="548"/>
      <c r="BQ61" s="548"/>
      <c r="BR61" s="84"/>
    </row>
    <row r="62" spans="1:70" ht="15" customHeight="1" x14ac:dyDescent="0.2">
      <c r="A62" s="551"/>
      <c r="B62" s="552"/>
      <c r="C62" s="552"/>
      <c r="D62" s="552"/>
      <c r="E62" s="553"/>
      <c r="F62" s="552"/>
      <c r="G62" s="552"/>
      <c r="H62" s="552"/>
      <c r="I62" s="552"/>
      <c r="J62" s="552"/>
      <c r="K62" s="548"/>
      <c r="L62" s="548"/>
      <c r="M62" s="548"/>
      <c r="N62" s="552"/>
      <c r="O62" s="552"/>
      <c r="P62" s="552"/>
      <c r="Q62" s="551"/>
      <c r="R62" s="552"/>
      <c r="S62" s="552"/>
      <c r="T62" s="554"/>
      <c r="U62" s="554"/>
      <c r="V62" s="554"/>
      <c r="W62" s="554"/>
      <c r="X62" s="548"/>
      <c r="Y62" s="548"/>
      <c r="Z62" s="552"/>
      <c r="AA62" s="552"/>
      <c r="AB62" s="552"/>
      <c r="AC62" s="552"/>
      <c r="AD62" s="552"/>
      <c r="AE62" s="552"/>
      <c r="AF62" s="552"/>
      <c r="AG62" s="552"/>
      <c r="AH62" s="552"/>
      <c r="AI62" s="551"/>
      <c r="AJ62" s="552"/>
      <c r="AK62" s="552"/>
      <c r="AL62" s="552"/>
      <c r="AM62" s="552"/>
      <c r="AN62" s="548"/>
      <c r="AO62" s="548"/>
      <c r="AP62" s="552"/>
      <c r="AQ62" s="552"/>
      <c r="AR62" s="548"/>
      <c r="AS62" s="548"/>
      <c r="AT62" s="552"/>
      <c r="AU62" s="552"/>
      <c r="AV62" s="552"/>
      <c r="AW62" s="552"/>
      <c r="AX62" s="552"/>
      <c r="AY62" s="552"/>
      <c r="AZ62" s="552"/>
      <c r="BA62" s="551"/>
      <c r="BB62" s="552"/>
      <c r="BC62" s="552"/>
      <c r="BD62" s="555"/>
      <c r="BE62" s="555"/>
      <c r="BF62" s="552"/>
      <c r="BG62" s="552"/>
      <c r="BH62" s="552"/>
      <c r="BI62" s="552"/>
      <c r="BJ62" s="552"/>
      <c r="BK62" s="552"/>
      <c r="BL62" s="552"/>
      <c r="BM62" s="552"/>
      <c r="BN62" s="548"/>
      <c r="BO62" s="548"/>
      <c r="BP62" s="548"/>
      <c r="BQ62" s="548"/>
      <c r="BR62" s="84"/>
    </row>
    <row r="63" spans="1:70" ht="15" customHeight="1" x14ac:dyDescent="0.2">
      <c r="A63" s="551"/>
      <c r="B63" s="552"/>
      <c r="C63" s="552"/>
      <c r="D63" s="552"/>
      <c r="E63" s="553"/>
      <c r="F63" s="552"/>
      <c r="G63" s="552"/>
      <c r="H63" s="552"/>
      <c r="I63" s="552"/>
      <c r="J63" s="552"/>
      <c r="K63" s="548"/>
      <c r="L63" s="548"/>
      <c r="M63" s="548"/>
      <c r="N63" s="552"/>
      <c r="O63" s="552"/>
      <c r="P63" s="552"/>
      <c r="Q63" s="551"/>
      <c r="R63" s="552"/>
      <c r="S63" s="552"/>
      <c r="T63" s="554"/>
      <c r="U63" s="554"/>
      <c r="V63" s="554"/>
      <c r="W63" s="554"/>
      <c r="X63" s="548"/>
      <c r="Y63" s="548"/>
      <c r="Z63" s="552"/>
      <c r="AA63" s="552"/>
      <c r="AB63" s="552"/>
      <c r="AC63" s="552"/>
      <c r="AD63" s="552"/>
      <c r="AE63" s="552"/>
      <c r="AF63" s="552"/>
      <c r="AG63" s="552"/>
      <c r="AH63" s="552"/>
      <c r="AI63" s="551"/>
      <c r="AJ63" s="552"/>
      <c r="AK63" s="552"/>
      <c r="AL63" s="552"/>
      <c r="AM63" s="552"/>
      <c r="AN63" s="548"/>
      <c r="AO63" s="548"/>
      <c r="AP63" s="552"/>
      <c r="AQ63" s="552"/>
      <c r="AR63" s="548"/>
      <c r="AS63" s="548"/>
      <c r="AT63" s="552"/>
      <c r="AU63" s="552"/>
      <c r="AV63" s="552"/>
      <c r="AW63" s="552"/>
      <c r="AX63" s="552"/>
      <c r="AY63" s="552"/>
      <c r="AZ63" s="552"/>
      <c r="BA63" s="551"/>
      <c r="BB63" s="552"/>
      <c r="BC63" s="552"/>
      <c r="BD63" s="555"/>
      <c r="BE63" s="555"/>
      <c r="BF63" s="552"/>
      <c r="BG63" s="552"/>
      <c r="BH63" s="552"/>
      <c r="BI63" s="552"/>
      <c r="BJ63" s="552"/>
      <c r="BK63" s="552"/>
      <c r="BL63" s="552"/>
      <c r="BM63" s="552"/>
      <c r="BN63" s="548"/>
      <c r="BO63" s="548"/>
      <c r="BP63" s="548"/>
      <c r="BQ63" s="548"/>
      <c r="BR63" s="84"/>
    </row>
    <row r="64" spans="1:70" ht="15" customHeight="1" x14ac:dyDescent="0.2">
      <c r="A64" s="551"/>
      <c r="B64" s="552"/>
      <c r="C64" s="552"/>
      <c r="D64" s="552"/>
      <c r="E64" s="553"/>
      <c r="F64" s="552"/>
      <c r="G64" s="552"/>
      <c r="H64" s="552"/>
      <c r="I64" s="552"/>
      <c r="J64" s="552"/>
      <c r="K64" s="548"/>
      <c r="L64" s="548"/>
      <c r="M64" s="548"/>
      <c r="N64" s="552"/>
      <c r="O64" s="552"/>
      <c r="P64" s="552"/>
      <c r="Q64" s="551"/>
      <c r="R64" s="552"/>
      <c r="S64" s="552"/>
      <c r="T64" s="554"/>
      <c r="U64" s="554"/>
      <c r="V64" s="554"/>
      <c r="W64" s="554"/>
      <c r="X64" s="548"/>
      <c r="Y64" s="548"/>
      <c r="Z64" s="552"/>
      <c r="AA64" s="552"/>
      <c r="AB64" s="552"/>
      <c r="AC64" s="552"/>
      <c r="AD64" s="552"/>
      <c r="AE64" s="552"/>
      <c r="AF64" s="552"/>
      <c r="AG64" s="552"/>
      <c r="AH64" s="552"/>
      <c r="AI64" s="551"/>
      <c r="AJ64" s="552"/>
      <c r="AK64" s="552"/>
      <c r="AL64" s="552"/>
      <c r="AM64" s="552"/>
      <c r="AN64" s="548"/>
      <c r="AO64" s="548"/>
      <c r="AP64" s="552"/>
      <c r="AQ64" s="552"/>
      <c r="AR64" s="548"/>
      <c r="AS64" s="548"/>
      <c r="AT64" s="552"/>
      <c r="AU64" s="552"/>
      <c r="AV64" s="552"/>
      <c r="AW64" s="552"/>
      <c r="AX64" s="552"/>
      <c r="AY64" s="552"/>
      <c r="AZ64" s="552"/>
      <c r="BA64" s="551"/>
      <c r="BB64" s="552"/>
      <c r="BC64" s="552"/>
      <c r="BD64" s="555"/>
      <c r="BE64" s="555"/>
      <c r="BF64" s="552"/>
      <c r="BG64" s="552"/>
      <c r="BH64" s="552"/>
      <c r="BI64" s="552"/>
      <c r="BJ64" s="552"/>
      <c r="BK64" s="552"/>
      <c r="BL64" s="552"/>
      <c r="BM64" s="552"/>
      <c r="BN64" s="548"/>
      <c r="BO64" s="548"/>
      <c r="BP64" s="548"/>
      <c r="BQ64" s="548"/>
      <c r="BR64" s="84"/>
    </row>
    <row r="65" spans="1:70" ht="15" customHeight="1" x14ac:dyDescent="0.2">
      <c r="A65" s="551"/>
      <c r="B65" s="552"/>
      <c r="C65" s="552"/>
      <c r="D65" s="552"/>
      <c r="E65" s="553"/>
      <c r="F65" s="552"/>
      <c r="G65" s="552"/>
      <c r="H65" s="552"/>
      <c r="I65" s="552"/>
      <c r="J65" s="552"/>
      <c r="K65" s="548"/>
      <c r="L65" s="548"/>
      <c r="M65" s="548"/>
      <c r="N65" s="552"/>
      <c r="O65" s="552"/>
      <c r="P65" s="552"/>
      <c r="Q65" s="551"/>
      <c r="R65" s="552"/>
      <c r="S65" s="552"/>
      <c r="T65" s="554"/>
      <c r="U65" s="554"/>
      <c r="V65" s="554"/>
      <c r="W65" s="554"/>
      <c r="X65" s="548"/>
      <c r="Y65" s="548"/>
      <c r="Z65" s="552"/>
      <c r="AA65" s="552"/>
      <c r="AB65" s="552"/>
      <c r="AC65" s="552"/>
      <c r="AD65" s="552"/>
      <c r="AE65" s="552"/>
      <c r="AF65" s="552"/>
      <c r="AG65" s="552"/>
      <c r="AH65" s="552"/>
      <c r="AI65" s="551"/>
      <c r="AJ65" s="552"/>
      <c r="AK65" s="552"/>
      <c r="AL65" s="552"/>
      <c r="AM65" s="552"/>
      <c r="AN65" s="548"/>
      <c r="AO65" s="548"/>
      <c r="AP65" s="552"/>
      <c r="AQ65" s="552"/>
      <c r="AR65" s="548"/>
      <c r="AS65" s="548"/>
      <c r="AT65" s="552"/>
      <c r="AU65" s="552"/>
      <c r="AV65" s="552"/>
      <c r="AW65" s="552"/>
      <c r="AX65" s="552"/>
      <c r="AY65" s="552"/>
      <c r="AZ65" s="552"/>
      <c r="BA65" s="551"/>
      <c r="BB65" s="552"/>
      <c r="BC65" s="552"/>
      <c r="BD65" s="555"/>
      <c r="BE65" s="555"/>
      <c r="BF65" s="552"/>
      <c r="BG65" s="552"/>
      <c r="BH65" s="552"/>
      <c r="BI65" s="552"/>
      <c r="BJ65" s="552"/>
      <c r="BK65" s="552"/>
      <c r="BL65" s="552"/>
      <c r="BM65" s="552"/>
      <c r="BN65" s="548"/>
      <c r="BO65" s="548"/>
      <c r="BP65" s="548"/>
      <c r="BQ65" s="548"/>
      <c r="BR65" s="84"/>
    </row>
    <row r="66" spans="1:70" ht="15" customHeight="1" x14ac:dyDescent="0.2">
      <c r="A66" s="551"/>
      <c r="B66" s="552"/>
      <c r="C66" s="552"/>
      <c r="D66" s="552"/>
      <c r="E66" s="553"/>
      <c r="F66" s="552"/>
      <c r="G66" s="552"/>
      <c r="H66" s="552"/>
      <c r="I66" s="552"/>
      <c r="J66" s="552"/>
      <c r="K66" s="548"/>
      <c r="L66" s="548"/>
      <c r="M66" s="548"/>
      <c r="N66" s="552"/>
      <c r="O66" s="552"/>
      <c r="P66" s="552"/>
      <c r="Q66" s="551"/>
      <c r="R66" s="552"/>
      <c r="S66" s="552"/>
      <c r="T66" s="554"/>
      <c r="U66" s="554"/>
      <c r="V66" s="554"/>
      <c r="W66" s="554"/>
      <c r="X66" s="548"/>
      <c r="Y66" s="548"/>
      <c r="Z66" s="552"/>
      <c r="AA66" s="552"/>
      <c r="AB66" s="552"/>
      <c r="AC66" s="552"/>
      <c r="AD66" s="552"/>
      <c r="AE66" s="552"/>
      <c r="AF66" s="552"/>
      <c r="AG66" s="552"/>
      <c r="AH66" s="552"/>
      <c r="AI66" s="551"/>
      <c r="AJ66" s="552"/>
      <c r="AK66" s="552"/>
      <c r="AL66" s="552"/>
      <c r="AM66" s="552"/>
      <c r="AN66" s="548"/>
      <c r="AO66" s="548"/>
      <c r="AP66" s="552"/>
      <c r="AQ66" s="552"/>
      <c r="AR66" s="548"/>
      <c r="AS66" s="548"/>
      <c r="AT66" s="552"/>
      <c r="AU66" s="552"/>
      <c r="AV66" s="552"/>
      <c r="AW66" s="552"/>
      <c r="AX66" s="552"/>
      <c r="AY66" s="552"/>
      <c r="AZ66" s="552"/>
      <c r="BA66" s="551"/>
      <c r="BB66" s="552"/>
      <c r="BC66" s="552"/>
      <c r="BD66" s="555"/>
      <c r="BE66" s="555"/>
      <c r="BF66" s="552"/>
      <c r="BG66" s="552"/>
      <c r="BH66" s="552"/>
      <c r="BI66" s="552"/>
      <c r="BJ66" s="552"/>
      <c r="BK66" s="552"/>
      <c r="BL66" s="552"/>
      <c r="BM66" s="552"/>
      <c r="BN66" s="548"/>
      <c r="BO66" s="548"/>
      <c r="BP66" s="548"/>
      <c r="BQ66" s="548"/>
      <c r="BR66" s="84"/>
    </row>
    <row r="67" spans="1:70" ht="15" customHeight="1" x14ac:dyDescent="0.2">
      <c r="A67" s="551"/>
      <c r="B67" s="552"/>
      <c r="C67" s="552"/>
      <c r="D67" s="552"/>
      <c r="E67" s="553"/>
      <c r="F67" s="552"/>
      <c r="G67" s="552"/>
      <c r="H67" s="552"/>
      <c r="I67" s="552"/>
      <c r="J67" s="552"/>
      <c r="K67" s="548"/>
      <c r="L67" s="548"/>
      <c r="M67" s="548"/>
      <c r="N67" s="552"/>
      <c r="O67" s="552"/>
      <c r="P67" s="552"/>
      <c r="Q67" s="551"/>
      <c r="R67" s="552"/>
      <c r="S67" s="552"/>
      <c r="T67" s="554"/>
      <c r="U67" s="554"/>
      <c r="V67" s="554"/>
      <c r="W67" s="554"/>
      <c r="X67" s="548"/>
      <c r="Y67" s="548"/>
      <c r="Z67" s="552"/>
      <c r="AA67" s="552"/>
      <c r="AB67" s="552"/>
      <c r="AC67" s="552"/>
      <c r="AD67" s="552"/>
      <c r="AE67" s="552"/>
      <c r="AF67" s="552"/>
      <c r="AG67" s="552"/>
      <c r="AH67" s="552"/>
      <c r="AI67" s="551"/>
      <c r="AJ67" s="552"/>
      <c r="AK67" s="552"/>
      <c r="AL67" s="552"/>
      <c r="AM67" s="552"/>
      <c r="AN67" s="548"/>
      <c r="AO67" s="548"/>
      <c r="AP67" s="552"/>
      <c r="AQ67" s="552"/>
      <c r="AR67" s="548"/>
      <c r="AS67" s="548"/>
      <c r="AT67" s="552"/>
      <c r="AU67" s="552"/>
      <c r="AV67" s="552"/>
      <c r="AW67" s="552"/>
      <c r="AX67" s="552"/>
      <c r="AY67" s="552"/>
      <c r="AZ67" s="552"/>
      <c r="BA67" s="551"/>
      <c r="BB67" s="552"/>
      <c r="BC67" s="552"/>
      <c r="BD67" s="555"/>
      <c r="BE67" s="555"/>
      <c r="BF67" s="552"/>
      <c r="BG67" s="552"/>
      <c r="BH67" s="552"/>
      <c r="BI67" s="552"/>
      <c r="BJ67" s="552"/>
      <c r="BK67" s="552"/>
      <c r="BL67" s="552"/>
      <c r="BM67" s="552"/>
      <c r="BN67" s="548"/>
      <c r="BO67" s="548"/>
      <c r="BP67" s="548"/>
      <c r="BQ67" s="548"/>
      <c r="BR67" s="84"/>
    </row>
    <row r="68" spans="1:70" ht="15" customHeight="1" x14ac:dyDescent="0.2">
      <c r="A68" s="551"/>
      <c r="B68" s="552"/>
      <c r="C68" s="552"/>
      <c r="D68" s="556"/>
      <c r="E68" s="553"/>
      <c r="F68" s="552"/>
      <c r="G68" s="552"/>
      <c r="H68" s="552"/>
      <c r="I68" s="552"/>
      <c r="J68" s="552"/>
      <c r="K68" s="548"/>
      <c r="L68" s="548"/>
      <c r="M68" s="548"/>
      <c r="N68" s="552"/>
      <c r="O68" s="552"/>
      <c r="P68" s="552"/>
      <c r="Q68" s="551"/>
      <c r="R68" s="552"/>
      <c r="S68" s="552"/>
      <c r="T68" s="554"/>
      <c r="U68" s="554"/>
      <c r="V68" s="554"/>
      <c r="W68" s="554"/>
      <c r="X68" s="548"/>
      <c r="Y68" s="548"/>
      <c r="Z68" s="552"/>
      <c r="AA68" s="552"/>
      <c r="AB68" s="552"/>
      <c r="AC68" s="552"/>
      <c r="AD68" s="552"/>
      <c r="AE68" s="552"/>
      <c r="AF68" s="552"/>
      <c r="AG68" s="552"/>
      <c r="AH68" s="552"/>
      <c r="AI68" s="551"/>
      <c r="AJ68" s="552"/>
      <c r="AK68" s="552"/>
      <c r="AL68" s="552"/>
      <c r="AM68" s="552"/>
      <c r="AN68" s="548"/>
      <c r="AO68" s="548"/>
      <c r="AP68" s="552"/>
      <c r="AQ68" s="552"/>
      <c r="AR68" s="548"/>
      <c r="AS68" s="548"/>
      <c r="AT68" s="552"/>
      <c r="AU68" s="552"/>
      <c r="AV68" s="552"/>
      <c r="AW68" s="552"/>
      <c r="AX68" s="552"/>
      <c r="AY68" s="552"/>
      <c r="AZ68" s="552"/>
      <c r="BA68" s="551"/>
      <c r="BB68" s="552"/>
      <c r="BC68" s="552"/>
      <c r="BD68" s="555"/>
      <c r="BE68" s="555"/>
      <c r="BF68" s="552"/>
      <c r="BG68" s="552"/>
      <c r="BH68" s="552"/>
      <c r="BI68" s="552"/>
      <c r="BJ68" s="552"/>
      <c r="BK68" s="552"/>
      <c r="BL68" s="552"/>
      <c r="BM68" s="552"/>
      <c r="BN68" s="548"/>
      <c r="BO68" s="548"/>
      <c r="BP68" s="548"/>
      <c r="BQ68" s="548"/>
      <c r="BR68" s="84"/>
    </row>
    <row r="69" spans="1:70" ht="15" customHeight="1" x14ac:dyDescent="0.2">
      <c r="A69" s="551"/>
      <c r="B69" s="552"/>
      <c r="C69" s="552"/>
      <c r="D69" s="552"/>
      <c r="E69" s="553"/>
      <c r="F69" s="552"/>
      <c r="G69" s="552"/>
      <c r="H69" s="552"/>
      <c r="I69" s="552"/>
      <c r="J69" s="552"/>
      <c r="K69" s="548"/>
      <c r="L69" s="548"/>
      <c r="M69" s="548"/>
      <c r="N69" s="552"/>
      <c r="O69" s="552"/>
      <c r="P69" s="552"/>
      <c r="Q69" s="551"/>
      <c r="R69" s="552"/>
      <c r="S69" s="552"/>
      <c r="T69" s="554"/>
      <c r="U69" s="554"/>
      <c r="V69" s="554"/>
      <c r="W69" s="554"/>
      <c r="X69" s="548"/>
      <c r="Y69" s="548"/>
      <c r="Z69" s="552"/>
      <c r="AA69" s="552"/>
      <c r="AB69" s="552"/>
      <c r="AC69" s="552"/>
      <c r="AD69" s="552"/>
      <c r="AE69" s="552"/>
      <c r="AF69" s="552"/>
      <c r="AG69" s="552"/>
      <c r="AH69" s="552"/>
      <c r="AI69" s="551"/>
      <c r="AJ69" s="552"/>
      <c r="AK69" s="552"/>
      <c r="AL69" s="552"/>
      <c r="AM69" s="552"/>
      <c r="AN69" s="548"/>
      <c r="AO69" s="548"/>
      <c r="AP69" s="552"/>
      <c r="AQ69" s="554"/>
      <c r="AR69" s="548"/>
      <c r="AS69" s="548"/>
      <c r="AT69" s="552"/>
      <c r="AU69" s="552"/>
      <c r="AV69" s="552"/>
      <c r="AW69" s="552"/>
      <c r="AX69" s="552"/>
      <c r="AY69" s="552"/>
      <c r="AZ69" s="552"/>
      <c r="BA69" s="551"/>
      <c r="BB69" s="552"/>
      <c r="BC69" s="552"/>
      <c r="BD69" s="555"/>
      <c r="BE69" s="555"/>
      <c r="BF69" s="552"/>
      <c r="BG69" s="552"/>
      <c r="BH69" s="552"/>
      <c r="BI69" s="552"/>
      <c r="BJ69" s="552"/>
      <c r="BK69" s="552"/>
      <c r="BL69" s="552"/>
      <c r="BM69" s="552"/>
      <c r="BN69" s="548"/>
      <c r="BO69" s="548"/>
      <c r="BP69" s="548"/>
      <c r="BQ69" s="548"/>
      <c r="BR69" s="84"/>
    </row>
    <row r="70" spans="1:70" ht="15" customHeight="1" x14ac:dyDescent="0.2">
      <c r="A70" s="551"/>
      <c r="B70" s="552"/>
      <c r="C70" s="552"/>
      <c r="D70" s="552"/>
      <c r="E70" s="553"/>
      <c r="F70" s="552"/>
      <c r="G70" s="552"/>
      <c r="H70" s="552"/>
      <c r="I70" s="552"/>
      <c r="J70" s="552"/>
      <c r="K70" s="548"/>
      <c r="L70" s="548"/>
      <c r="M70" s="548"/>
      <c r="N70" s="552"/>
      <c r="O70" s="552"/>
      <c r="P70" s="552"/>
      <c r="Q70" s="551"/>
      <c r="R70" s="552"/>
      <c r="S70" s="552"/>
      <c r="T70" s="554"/>
      <c r="U70" s="554"/>
      <c r="V70" s="554"/>
      <c r="W70" s="554"/>
      <c r="X70" s="548"/>
      <c r="Y70" s="548"/>
      <c r="Z70" s="552"/>
      <c r="AA70" s="552"/>
      <c r="AB70" s="552"/>
      <c r="AC70" s="552"/>
      <c r="AD70" s="552"/>
      <c r="AE70" s="552"/>
      <c r="AF70" s="552"/>
      <c r="AG70" s="552"/>
      <c r="AH70" s="552"/>
      <c r="AI70" s="551"/>
      <c r="AJ70" s="552"/>
      <c r="AK70" s="552"/>
      <c r="AL70" s="552"/>
      <c r="AM70" s="552"/>
      <c r="AN70" s="548"/>
      <c r="AO70" s="548"/>
      <c r="AP70" s="552"/>
      <c r="AQ70" s="552"/>
      <c r="AR70" s="548"/>
      <c r="AS70" s="548"/>
      <c r="AT70" s="552"/>
      <c r="AU70" s="552"/>
      <c r="AV70" s="552"/>
      <c r="AW70" s="552"/>
      <c r="AX70" s="552"/>
      <c r="AY70" s="552"/>
      <c r="AZ70" s="552"/>
      <c r="BA70" s="551"/>
      <c r="BB70" s="552"/>
      <c r="BC70" s="552"/>
      <c r="BD70" s="555"/>
      <c r="BE70" s="555"/>
      <c r="BF70" s="552"/>
      <c r="BG70" s="552"/>
      <c r="BH70" s="552"/>
      <c r="BI70" s="552"/>
      <c r="BJ70" s="552"/>
      <c r="BK70" s="552"/>
      <c r="BL70" s="552"/>
      <c r="BM70" s="552"/>
      <c r="BN70" s="548"/>
      <c r="BO70" s="548"/>
      <c r="BP70" s="548"/>
      <c r="BQ70" s="548"/>
      <c r="BR70" s="84"/>
    </row>
    <row r="71" spans="1:70" ht="18" customHeight="1" x14ac:dyDescent="0.15">
      <c r="A71" s="536"/>
      <c r="B71" s="40"/>
      <c r="C71" s="40"/>
      <c r="D71" s="40"/>
      <c r="E71" s="40"/>
      <c r="F71" s="40"/>
      <c r="G71" s="40"/>
      <c r="H71" s="40"/>
      <c r="I71" s="40"/>
      <c r="J71" s="40"/>
      <c r="K71" s="40"/>
      <c r="L71" s="40"/>
      <c r="M71" s="40"/>
      <c r="N71" s="40"/>
      <c r="O71" s="40"/>
      <c r="P71" s="40"/>
      <c r="Q71" s="536"/>
      <c r="R71" s="40"/>
      <c r="S71" s="40"/>
      <c r="T71" s="41"/>
      <c r="U71" s="41"/>
      <c r="V71" s="41"/>
      <c r="W71" s="41"/>
      <c r="X71" s="41"/>
      <c r="Y71" s="40"/>
      <c r="Z71" s="40"/>
      <c r="AA71" s="40"/>
      <c r="AB71" s="40"/>
      <c r="AC71" s="40"/>
      <c r="AD71" s="40"/>
      <c r="AE71" s="40"/>
      <c r="AF71" s="40"/>
      <c r="AG71" s="40"/>
      <c r="AH71" s="40"/>
      <c r="AI71" s="40"/>
      <c r="AJ71" s="40"/>
      <c r="AK71" s="40"/>
      <c r="AL71" s="40"/>
      <c r="AM71" s="40"/>
      <c r="AN71" s="40"/>
      <c r="AO71" s="40"/>
      <c r="AP71" s="42"/>
      <c r="AQ71" s="42"/>
      <c r="AR71" s="40"/>
      <c r="AS71" s="40"/>
      <c r="AT71" s="40"/>
      <c r="AU71" s="40"/>
      <c r="AV71" s="40"/>
      <c r="AW71" s="40"/>
      <c r="AX71" s="40"/>
      <c r="AY71" s="40"/>
      <c r="AZ71" s="40"/>
      <c r="BA71" s="40"/>
      <c r="BB71" s="40"/>
      <c r="BC71" s="40"/>
      <c r="BD71" s="43"/>
      <c r="BE71" s="43"/>
      <c r="BF71" s="40"/>
      <c r="BG71" s="40"/>
      <c r="BH71" s="40"/>
      <c r="BI71" s="40"/>
      <c r="BJ71" s="40"/>
      <c r="BK71" s="40"/>
      <c r="BL71" s="40"/>
      <c r="BM71" s="40"/>
      <c r="BN71" s="40"/>
      <c r="BO71" s="40"/>
      <c r="BP71" s="40"/>
      <c r="BQ71" s="40"/>
      <c r="BR71" s="40"/>
    </row>
    <row r="72" spans="1:70" ht="15" customHeight="1" x14ac:dyDescent="0.2">
      <c r="A72" s="543"/>
      <c r="B72" s="547"/>
      <c r="C72" s="547"/>
      <c r="D72" s="547"/>
      <c r="E72" s="557"/>
      <c r="F72" s="547"/>
      <c r="G72" s="547"/>
      <c r="H72" s="547"/>
      <c r="I72" s="547"/>
      <c r="J72" s="547"/>
      <c r="K72" s="548"/>
      <c r="L72" s="548"/>
      <c r="M72" s="548"/>
      <c r="N72" s="547"/>
      <c r="O72" s="547"/>
      <c r="P72" s="547"/>
      <c r="Q72" s="543"/>
      <c r="R72" s="547"/>
      <c r="S72" s="547"/>
      <c r="T72" s="547"/>
      <c r="U72" s="547"/>
      <c r="V72" s="547"/>
      <c r="W72" s="547"/>
      <c r="X72" s="548"/>
      <c r="Y72" s="548"/>
      <c r="Z72" s="549"/>
      <c r="AA72" s="545"/>
      <c r="AB72" s="545"/>
      <c r="AC72" s="545"/>
      <c r="AD72" s="545"/>
      <c r="AE72" s="545"/>
      <c r="AF72" s="545"/>
      <c r="AG72" s="545"/>
      <c r="AH72" s="545"/>
      <c r="AI72" s="543"/>
      <c r="AJ72" s="545"/>
      <c r="AK72" s="545"/>
      <c r="AL72" s="552"/>
      <c r="AM72" s="552"/>
      <c r="AN72" s="548"/>
      <c r="AO72" s="548"/>
      <c r="AP72" s="545"/>
      <c r="AQ72" s="545"/>
      <c r="AR72" s="548"/>
      <c r="AS72" s="548"/>
      <c r="AT72" s="558"/>
      <c r="AU72" s="558"/>
      <c r="AV72" s="545"/>
      <c r="AW72" s="545"/>
      <c r="AX72" s="545"/>
      <c r="AY72" s="552"/>
      <c r="AZ72" s="552"/>
      <c r="BA72" s="543"/>
      <c r="BB72" s="545"/>
      <c r="BC72" s="545"/>
      <c r="BD72" s="78"/>
      <c r="BE72" s="78"/>
      <c r="BF72" s="545"/>
      <c r="BG72" s="545"/>
      <c r="BH72" s="545"/>
      <c r="BI72" s="545"/>
      <c r="BJ72" s="545"/>
      <c r="BK72" s="545"/>
      <c r="BL72" s="545"/>
      <c r="BM72" s="545"/>
      <c r="BN72" s="548"/>
      <c r="BO72" s="548"/>
      <c r="BP72" s="548"/>
      <c r="BQ72" s="548"/>
      <c r="BR72" s="84"/>
    </row>
    <row r="73" spans="1:70" ht="15" customHeight="1" x14ac:dyDescent="0.2">
      <c r="A73" s="551"/>
      <c r="B73" s="552"/>
      <c r="C73" s="552"/>
      <c r="D73" s="552"/>
      <c r="E73" s="552"/>
      <c r="F73" s="552"/>
      <c r="G73" s="552"/>
      <c r="H73" s="552"/>
      <c r="I73" s="552"/>
      <c r="J73" s="552"/>
      <c r="K73" s="548"/>
      <c r="L73" s="548"/>
      <c r="M73" s="548"/>
      <c r="N73" s="552"/>
      <c r="O73" s="552"/>
      <c r="P73" s="552"/>
      <c r="Q73" s="551"/>
      <c r="R73" s="554"/>
      <c r="S73" s="554"/>
      <c r="T73" s="554"/>
      <c r="U73" s="554"/>
      <c r="V73" s="554"/>
      <c r="W73" s="554"/>
      <c r="X73" s="548"/>
      <c r="Y73" s="548"/>
      <c r="Z73" s="552"/>
      <c r="AA73" s="552"/>
      <c r="AB73" s="552"/>
      <c r="AC73" s="552"/>
      <c r="AD73" s="552"/>
      <c r="AE73" s="552"/>
      <c r="AF73" s="552"/>
      <c r="AG73" s="552"/>
      <c r="AH73" s="552"/>
      <c r="AI73" s="551"/>
      <c r="AJ73" s="552"/>
      <c r="AK73" s="552"/>
      <c r="AL73" s="552"/>
      <c r="AM73" s="552"/>
      <c r="AN73" s="548"/>
      <c r="AO73" s="548"/>
      <c r="AP73" s="552"/>
      <c r="AQ73" s="552"/>
      <c r="AR73" s="548"/>
      <c r="AS73" s="548"/>
      <c r="AT73" s="552"/>
      <c r="AU73" s="552"/>
      <c r="AV73" s="552"/>
      <c r="AW73" s="552"/>
      <c r="AX73" s="552"/>
      <c r="AY73" s="552"/>
      <c r="AZ73" s="552"/>
      <c r="BA73" s="551"/>
      <c r="BB73" s="552"/>
      <c r="BC73" s="552"/>
      <c r="BD73" s="78"/>
      <c r="BE73" s="78"/>
      <c r="BF73" s="552"/>
      <c r="BG73" s="552"/>
      <c r="BH73" s="552"/>
      <c r="BI73" s="552"/>
      <c r="BJ73" s="552"/>
      <c r="BK73" s="552"/>
      <c r="BL73" s="552"/>
      <c r="BM73" s="552"/>
      <c r="BN73" s="548"/>
      <c r="BO73" s="548"/>
      <c r="BP73" s="548"/>
      <c r="BQ73" s="548"/>
      <c r="BR73" s="84"/>
    </row>
    <row r="74" spans="1:70" ht="15" customHeight="1" x14ac:dyDescent="0.2">
      <c r="A74" s="551"/>
      <c r="B74" s="552"/>
      <c r="C74" s="552"/>
      <c r="D74" s="552"/>
      <c r="E74" s="552"/>
      <c r="F74" s="552"/>
      <c r="G74" s="552"/>
      <c r="H74" s="552"/>
      <c r="I74" s="552"/>
      <c r="J74" s="552"/>
      <c r="K74" s="548"/>
      <c r="L74" s="548"/>
      <c r="M74" s="548"/>
      <c r="N74" s="552"/>
      <c r="O74" s="552"/>
      <c r="P74" s="552"/>
      <c r="Q74" s="551"/>
      <c r="R74" s="554"/>
      <c r="S74" s="554"/>
      <c r="T74" s="554"/>
      <c r="U74" s="554"/>
      <c r="V74" s="554"/>
      <c r="W74" s="554"/>
      <c r="X74" s="548"/>
      <c r="Y74" s="548"/>
      <c r="Z74" s="552"/>
      <c r="AA74" s="552"/>
      <c r="AB74" s="552"/>
      <c r="AC74" s="552"/>
      <c r="AD74" s="552"/>
      <c r="AE74" s="552"/>
      <c r="AF74" s="552"/>
      <c r="AG74" s="552"/>
      <c r="AH74" s="552"/>
      <c r="AI74" s="551"/>
      <c r="AJ74" s="552"/>
      <c r="AK74" s="552"/>
      <c r="AL74" s="552"/>
      <c r="AM74" s="552"/>
      <c r="AN74" s="548"/>
      <c r="AO74" s="548"/>
      <c r="AP74" s="552"/>
      <c r="AQ74" s="552"/>
      <c r="AR74" s="548"/>
      <c r="AS74" s="548"/>
      <c r="AT74" s="552"/>
      <c r="AU74" s="552"/>
      <c r="AV74" s="552"/>
      <c r="AW74" s="552"/>
      <c r="AX74" s="552"/>
      <c r="AY74" s="552"/>
      <c r="AZ74" s="552"/>
      <c r="BA74" s="551"/>
      <c r="BB74" s="552"/>
      <c r="BC74" s="552"/>
      <c r="BD74" s="78"/>
      <c r="BE74" s="78"/>
      <c r="BF74" s="552"/>
      <c r="BG74" s="552"/>
      <c r="BH74" s="552"/>
      <c r="BI74" s="552"/>
      <c r="BJ74" s="552"/>
      <c r="BK74" s="552"/>
      <c r="BL74" s="552"/>
      <c r="BM74" s="552"/>
      <c r="BN74" s="548"/>
      <c r="BO74" s="548"/>
      <c r="BP74" s="548"/>
      <c r="BQ74" s="548"/>
      <c r="BR74" s="84"/>
    </row>
    <row r="75" spans="1:70" ht="15" customHeight="1" x14ac:dyDescent="0.2">
      <c r="A75" s="551"/>
      <c r="B75" s="552"/>
      <c r="C75" s="552"/>
      <c r="D75" s="552"/>
      <c r="E75" s="552"/>
      <c r="F75" s="552"/>
      <c r="G75" s="552"/>
      <c r="H75" s="552"/>
      <c r="I75" s="552"/>
      <c r="J75" s="552"/>
      <c r="K75" s="548"/>
      <c r="L75" s="548"/>
      <c r="M75" s="548"/>
      <c r="N75" s="552"/>
      <c r="O75" s="552"/>
      <c r="P75" s="552"/>
      <c r="Q75" s="551"/>
      <c r="R75" s="554"/>
      <c r="S75" s="554"/>
      <c r="T75" s="554"/>
      <c r="U75" s="554"/>
      <c r="V75" s="554"/>
      <c r="W75" s="554"/>
      <c r="X75" s="548"/>
      <c r="Y75" s="548"/>
      <c r="Z75" s="552"/>
      <c r="AA75" s="552"/>
      <c r="AB75" s="552"/>
      <c r="AC75" s="552"/>
      <c r="AD75" s="552"/>
      <c r="AE75" s="552"/>
      <c r="AF75" s="552"/>
      <c r="AG75" s="552"/>
      <c r="AH75" s="552"/>
      <c r="AI75" s="551"/>
      <c r="AJ75" s="552"/>
      <c r="AK75" s="552"/>
      <c r="AL75" s="552"/>
      <c r="AM75" s="552"/>
      <c r="AN75" s="548"/>
      <c r="AO75" s="548"/>
      <c r="AP75" s="552"/>
      <c r="AQ75" s="552"/>
      <c r="AR75" s="548"/>
      <c r="AS75" s="548"/>
      <c r="AT75" s="552"/>
      <c r="AU75" s="552"/>
      <c r="AV75" s="552"/>
      <c r="AW75" s="552"/>
      <c r="AX75" s="552"/>
      <c r="AY75" s="552"/>
      <c r="AZ75" s="552"/>
      <c r="BA75" s="551"/>
      <c r="BB75" s="552"/>
      <c r="BC75" s="552"/>
      <c r="BD75" s="78"/>
      <c r="BE75" s="78"/>
      <c r="BF75" s="552"/>
      <c r="BG75" s="552"/>
      <c r="BH75" s="552"/>
      <c r="BI75" s="552"/>
      <c r="BJ75" s="552"/>
      <c r="BK75" s="552"/>
      <c r="BL75" s="552"/>
      <c r="BM75" s="552"/>
      <c r="BN75" s="548"/>
      <c r="BO75" s="548"/>
      <c r="BP75" s="548"/>
      <c r="BQ75" s="548"/>
      <c r="BR75" s="84"/>
    </row>
    <row r="76" spans="1:70" ht="15" customHeight="1" x14ac:dyDescent="0.2">
      <c r="A76" s="551"/>
      <c r="B76" s="552"/>
      <c r="C76" s="552"/>
      <c r="D76" s="552"/>
      <c r="E76" s="552"/>
      <c r="F76" s="552"/>
      <c r="G76" s="552"/>
      <c r="H76" s="552"/>
      <c r="I76" s="552"/>
      <c r="J76" s="552"/>
      <c r="K76" s="548"/>
      <c r="L76" s="548"/>
      <c r="M76" s="548"/>
      <c r="N76" s="552"/>
      <c r="O76" s="552"/>
      <c r="P76" s="552"/>
      <c r="Q76" s="551"/>
      <c r="R76" s="554"/>
      <c r="S76" s="554"/>
      <c r="T76" s="554"/>
      <c r="U76" s="554"/>
      <c r="V76" s="554"/>
      <c r="W76" s="554"/>
      <c r="X76" s="548"/>
      <c r="Y76" s="548"/>
      <c r="Z76" s="552"/>
      <c r="AA76" s="552"/>
      <c r="AB76" s="552"/>
      <c r="AC76" s="552"/>
      <c r="AD76" s="552"/>
      <c r="AE76" s="552"/>
      <c r="AF76" s="552"/>
      <c r="AG76" s="552"/>
      <c r="AH76" s="552"/>
      <c r="AI76" s="551"/>
      <c r="AJ76" s="552"/>
      <c r="AK76" s="552"/>
      <c r="AL76" s="552"/>
      <c r="AM76" s="552"/>
      <c r="AN76" s="548"/>
      <c r="AO76" s="548"/>
      <c r="AP76" s="552"/>
      <c r="AQ76" s="552"/>
      <c r="AR76" s="548"/>
      <c r="AS76" s="548"/>
      <c r="AT76" s="552"/>
      <c r="AU76" s="552"/>
      <c r="AV76" s="552"/>
      <c r="AW76" s="552"/>
      <c r="AX76" s="552"/>
      <c r="AY76" s="552"/>
      <c r="AZ76" s="552"/>
      <c r="BA76" s="551"/>
      <c r="BB76" s="552"/>
      <c r="BC76" s="552"/>
      <c r="BD76" s="78"/>
      <c r="BE76" s="78"/>
      <c r="BF76" s="552"/>
      <c r="BG76" s="552"/>
      <c r="BH76" s="552"/>
      <c r="BI76" s="552"/>
      <c r="BJ76" s="552"/>
      <c r="BK76" s="552"/>
      <c r="BL76" s="552"/>
      <c r="BM76" s="552"/>
      <c r="BN76" s="548"/>
      <c r="BO76" s="548"/>
      <c r="BP76" s="548"/>
      <c r="BQ76" s="548"/>
      <c r="BR76" s="84"/>
    </row>
    <row r="77" spans="1:70" ht="15" customHeight="1" x14ac:dyDescent="0.2">
      <c r="A77" s="551"/>
      <c r="B77" s="552"/>
      <c r="C77" s="552"/>
      <c r="D77" s="552"/>
      <c r="E77" s="552"/>
      <c r="F77" s="552"/>
      <c r="G77" s="552"/>
      <c r="H77" s="552"/>
      <c r="I77" s="552"/>
      <c r="J77" s="552"/>
      <c r="K77" s="548"/>
      <c r="L77" s="548"/>
      <c r="M77" s="548"/>
      <c r="N77" s="552"/>
      <c r="O77" s="552"/>
      <c r="P77" s="552"/>
      <c r="Q77" s="551"/>
      <c r="R77" s="554"/>
      <c r="S77" s="554"/>
      <c r="T77" s="554"/>
      <c r="U77" s="554"/>
      <c r="V77" s="554"/>
      <c r="W77" s="554"/>
      <c r="X77" s="548"/>
      <c r="Y77" s="548"/>
      <c r="Z77" s="552"/>
      <c r="AA77" s="552"/>
      <c r="AB77" s="552"/>
      <c r="AC77" s="552"/>
      <c r="AD77" s="552"/>
      <c r="AE77" s="552"/>
      <c r="AF77" s="552"/>
      <c r="AG77" s="552"/>
      <c r="AH77" s="552"/>
      <c r="AI77" s="551"/>
      <c r="AJ77" s="552"/>
      <c r="AK77" s="552"/>
      <c r="AL77" s="552"/>
      <c r="AM77" s="552"/>
      <c r="AN77" s="548"/>
      <c r="AO77" s="548"/>
      <c r="AP77" s="552"/>
      <c r="AQ77" s="552"/>
      <c r="AR77" s="548"/>
      <c r="AS77" s="548"/>
      <c r="AT77" s="552"/>
      <c r="AU77" s="552"/>
      <c r="AV77" s="552"/>
      <c r="AW77" s="552"/>
      <c r="AX77" s="552"/>
      <c r="AY77" s="552"/>
      <c r="AZ77" s="552"/>
      <c r="BA77" s="551"/>
      <c r="BB77" s="552"/>
      <c r="BC77" s="552"/>
      <c r="BD77" s="78"/>
      <c r="BE77" s="78"/>
      <c r="BF77" s="552"/>
      <c r="BG77" s="552"/>
      <c r="BH77" s="552"/>
      <c r="BI77" s="552"/>
      <c r="BJ77" s="552"/>
      <c r="BK77" s="552"/>
      <c r="BL77" s="552"/>
      <c r="BM77" s="552"/>
      <c r="BN77" s="548"/>
      <c r="BO77" s="548"/>
      <c r="BP77" s="548"/>
      <c r="BQ77" s="548"/>
      <c r="BR77" s="84"/>
    </row>
    <row r="78" spans="1:70" ht="15" customHeight="1" x14ac:dyDescent="0.2">
      <c r="A78" s="551"/>
      <c r="B78" s="552"/>
      <c r="C78" s="552"/>
      <c r="D78" s="552"/>
      <c r="E78" s="552"/>
      <c r="F78" s="552"/>
      <c r="G78" s="552"/>
      <c r="H78" s="552"/>
      <c r="I78" s="552"/>
      <c r="J78" s="552"/>
      <c r="K78" s="548"/>
      <c r="L78" s="548"/>
      <c r="M78" s="548"/>
      <c r="N78" s="552"/>
      <c r="O78" s="552"/>
      <c r="P78" s="552"/>
      <c r="Q78" s="551"/>
      <c r="R78" s="554"/>
      <c r="S78" s="554"/>
      <c r="T78" s="554"/>
      <c r="U78" s="554"/>
      <c r="V78" s="554"/>
      <c r="W78" s="554"/>
      <c r="X78" s="548"/>
      <c r="Y78" s="548"/>
      <c r="Z78" s="552"/>
      <c r="AA78" s="552"/>
      <c r="AB78" s="552"/>
      <c r="AC78" s="552"/>
      <c r="AD78" s="552"/>
      <c r="AE78" s="552"/>
      <c r="AF78" s="552"/>
      <c r="AG78" s="552"/>
      <c r="AH78" s="552"/>
      <c r="AI78" s="551"/>
      <c r="AJ78" s="552"/>
      <c r="AK78" s="552"/>
      <c r="AL78" s="552"/>
      <c r="AM78" s="552"/>
      <c r="AN78" s="548"/>
      <c r="AO78" s="548"/>
      <c r="AP78" s="552"/>
      <c r="AQ78" s="552"/>
      <c r="AR78" s="548"/>
      <c r="AS78" s="548"/>
      <c r="AT78" s="552"/>
      <c r="AU78" s="552"/>
      <c r="AV78" s="552"/>
      <c r="AW78" s="552"/>
      <c r="AX78" s="552"/>
      <c r="AY78" s="552"/>
      <c r="AZ78" s="552"/>
      <c r="BA78" s="551"/>
      <c r="BB78" s="552"/>
      <c r="BC78" s="552"/>
      <c r="BD78" s="78"/>
      <c r="BE78" s="78"/>
      <c r="BF78" s="552"/>
      <c r="BG78" s="552"/>
      <c r="BH78" s="552"/>
      <c r="BI78" s="552"/>
      <c r="BJ78" s="552"/>
      <c r="BK78" s="552"/>
      <c r="BL78" s="552"/>
      <c r="BM78" s="552"/>
      <c r="BN78" s="548"/>
      <c r="BO78" s="548"/>
      <c r="BP78" s="548"/>
      <c r="BQ78" s="548"/>
      <c r="BR78" s="84"/>
    </row>
    <row r="79" spans="1:70" ht="15" customHeight="1" x14ac:dyDescent="0.2">
      <c r="A79" s="551"/>
      <c r="B79" s="552"/>
      <c r="C79" s="552"/>
      <c r="D79" s="552"/>
      <c r="E79" s="552"/>
      <c r="F79" s="552"/>
      <c r="G79" s="552"/>
      <c r="H79" s="552"/>
      <c r="I79" s="552"/>
      <c r="J79" s="552"/>
      <c r="K79" s="548"/>
      <c r="L79" s="548"/>
      <c r="M79" s="548"/>
      <c r="N79" s="552"/>
      <c r="O79" s="552"/>
      <c r="P79" s="552"/>
      <c r="Q79" s="551"/>
      <c r="R79" s="554"/>
      <c r="S79" s="554"/>
      <c r="T79" s="554"/>
      <c r="U79" s="554"/>
      <c r="V79" s="554"/>
      <c r="W79" s="554"/>
      <c r="X79" s="548"/>
      <c r="Y79" s="548"/>
      <c r="Z79" s="552"/>
      <c r="AA79" s="552"/>
      <c r="AB79" s="552"/>
      <c r="AC79" s="552"/>
      <c r="AD79" s="552"/>
      <c r="AE79" s="552"/>
      <c r="AF79" s="552"/>
      <c r="AG79" s="552"/>
      <c r="AH79" s="552"/>
      <c r="AI79" s="551"/>
      <c r="AJ79" s="552"/>
      <c r="AK79" s="552"/>
      <c r="AL79" s="552"/>
      <c r="AM79" s="552"/>
      <c r="AN79" s="548"/>
      <c r="AO79" s="548"/>
      <c r="AP79" s="552"/>
      <c r="AQ79" s="552"/>
      <c r="AR79" s="548"/>
      <c r="AS79" s="548"/>
      <c r="AT79" s="552"/>
      <c r="AU79" s="552"/>
      <c r="AV79" s="552"/>
      <c r="AW79" s="552"/>
      <c r="AX79" s="552"/>
      <c r="AY79" s="552"/>
      <c r="AZ79" s="552"/>
      <c r="BA79" s="551"/>
      <c r="BB79" s="552"/>
      <c r="BC79" s="552"/>
      <c r="BD79" s="78"/>
      <c r="BE79" s="78"/>
      <c r="BF79" s="552"/>
      <c r="BG79" s="552"/>
      <c r="BH79" s="552"/>
      <c r="BI79" s="552"/>
      <c r="BJ79" s="552"/>
      <c r="BK79" s="552"/>
      <c r="BL79" s="552"/>
      <c r="BM79" s="552"/>
      <c r="BN79" s="548"/>
      <c r="BO79" s="548"/>
      <c r="BP79" s="548"/>
      <c r="BQ79" s="548"/>
      <c r="BR79" s="84"/>
    </row>
    <row r="80" spans="1:70" ht="15" customHeight="1" x14ac:dyDescent="0.2">
      <c r="A80" s="551"/>
      <c r="B80" s="552"/>
      <c r="C80" s="552"/>
      <c r="D80" s="552"/>
      <c r="E80" s="552"/>
      <c r="F80" s="552"/>
      <c r="G80" s="552"/>
      <c r="H80" s="552"/>
      <c r="I80" s="552"/>
      <c r="J80" s="552"/>
      <c r="K80" s="548"/>
      <c r="L80" s="548"/>
      <c r="M80" s="548"/>
      <c r="N80" s="552"/>
      <c r="O80" s="552"/>
      <c r="P80" s="552"/>
      <c r="Q80" s="551"/>
      <c r="R80" s="554"/>
      <c r="S80" s="554"/>
      <c r="T80" s="554"/>
      <c r="U80" s="554"/>
      <c r="V80" s="554"/>
      <c r="W80" s="554"/>
      <c r="X80" s="548"/>
      <c r="Y80" s="548"/>
      <c r="Z80" s="552"/>
      <c r="AA80" s="552"/>
      <c r="AB80" s="552"/>
      <c r="AC80" s="552"/>
      <c r="AD80" s="552"/>
      <c r="AE80" s="552"/>
      <c r="AF80" s="552"/>
      <c r="AG80" s="552"/>
      <c r="AH80" s="552"/>
      <c r="AI80" s="551"/>
      <c r="AJ80" s="552"/>
      <c r="AK80" s="552"/>
      <c r="AL80" s="552"/>
      <c r="AM80" s="552"/>
      <c r="AN80" s="548"/>
      <c r="AO80" s="548"/>
      <c r="AP80" s="552"/>
      <c r="AQ80" s="552"/>
      <c r="AR80" s="548"/>
      <c r="AS80" s="548"/>
      <c r="AT80" s="552"/>
      <c r="AU80" s="552"/>
      <c r="AV80" s="552"/>
      <c r="AW80" s="552"/>
      <c r="AX80" s="552"/>
      <c r="AY80" s="552"/>
      <c r="AZ80" s="552"/>
      <c r="BA80" s="551"/>
      <c r="BB80" s="552"/>
      <c r="BC80" s="552"/>
      <c r="BD80" s="78"/>
      <c r="BE80" s="78"/>
      <c r="BF80" s="552"/>
      <c r="BG80" s="552"/>
      <c r="BH80" s="552"/>
      <c r="BI80" s="552"/>
      <c r="BJ80" s="552"/>
      <c r="BK80" s="552"/>
      <c r="BL80" s="552"/>
      <c r="BM80" s="552"/>
      <c r="BN80" s="548"/>
      <c r="BO80" s="548"/>
      <c r="BP80" s="548"/>
      <c r="BQ80" s="548"/>
      <c r="BR80" s="84"/>
    </row>
    <row r="81" spans="1:70" ht="15" customHeight="1" x14ac:dyDescent="0.2">
      <c r="A81" s="551"/>
      <c r="B81" s="552"/>
      <c r="C81" s="552"/>
      <c r="D81" s="552"/>
      <c r="E81" s="552"/>
      <c r="F81" s="552"/>
      <c r="G81" s="552"/>
      <c r="H81" s="552"/>
      <c r="I81" s="552"/>
      <c r="J81" s="552"/>
      <c r="K81" s="548"/>
      <c r="L81" s="548"/>
      <c r="M81" s="548"/>
      <c r="N81" s="552"/>
      <c r="O81" s="552"/>
      <c r="P81" s="552"/>
      <c r="Q81" s="551"/>
      <c r="R81" s="554"/>
      <c r="S81" s="554"/>
      <c r="T81" s="554"/>
      <c r="U81" s="554"/>
      <c r="V81" s="554"/>
      <c r="W81" s="554"/>
      <c r="X81" s="548"/>
      <c r="Y81" s="548"/>
      <c r="Z81" s="552"/>
      <c r="AA81" s="552"/>
      <c r="AB81" s="552"/>
      <c r="AC81" s="552"/>
      <c r="AD81" s="552"/>
      <c r="AE81" s="552"/>
      <c r="AF81" s="552"/>
      <c r="AG81" s="552"/>
      <c r="AH81" s="552"/>
      <c r="AI81" s="551"/>
      <c r="AJ81" s="552"/>
      <c r="AK81" s="552"/>
      <c r="AL81" s="552"/>
      <c r="AM81" s="552"/>
      <c r="AN81" s="548"/>
      <c r="AO81" s="548"/>
      <c r="AP81" s="552"/>
      <c r="AQ81" s="552"/>
      <c r="AR81" s="548"/>
      <c r="AS81" s="548"/>
      <c r="AT81" s="552"/>
      <c r="AU81" s="552"/>
      <c r="AV81" s="552"/>
      <c r="AW81" s="552"/>
      <c r="AX81" s="552"/>
      <c r="AY81" s="552"/>
      <c r="AZ81" s="552"/>
      <c r="BA81" s="551"/>
      <c r="BB81" s="552"/>
      <c r="BC81" s="552"/>
      <c r="BD81" s="78"/>
      <c r="BE81" s="78"/>
      <c r="BF81" s="552"/>
      <c r="BG81" s="552"/>
      <c r="BH81" s="552"/>
      <c r="BI81" s="552"/>
      <c r="BJ81" s="552"/>
      <c r="BK81" s="552"/>
      <c r="BL81" s="552"/>
      <c r="BM81" s="552"/>
      <c r="BN81" s="548"/>
      <c r="BO81" s="548"/>
      <c r="BP81" s="548"/>
      <c r="BQ81" s="548"/>
      <c r="BR81" s="84"/>
    </row>
    <row r="82" spans="1:70" ht="15" customHeight="1" x14ac:dyDescent="0.2">
      <c r="A82" s="551"/>
      <c r="B82" s="552"/>
      <c r="C82" s="552"/>
      <c r="D82" s="552"/>
      <c r="E82" s="552"/>
      <c r="F82" s="552"/>
      <c r="G82" s="552"/>
      <c r="H82" s="552"/>
      <c r="I82" s="552"/>
      <c r="J82" s="552"/>
      <c r="K82" s="548"/>
      <c r="L82" s="548"/>
      <c r="M82" s="548"/>
      <c r="N82" s="552"/>
      <c r="O82" s="552"/>
      <c r="P82" s="552"/>
      <c r="Q82" s="551"/>
      <c r="R82" s="554"/>
      <c r="S82" s="554"/>
      <c r="T82" s="554"/>
      <c r="U82" s="554"/>
      <c r="V82" s="554"/>
      <c r="W82" s="554"/>
      <c r="X82" s="548"/>
      <c r="Y82" s="548"/>
      <c r="Z82" s="552"/>
      <c r="AA82" s="552"/>
      <c r="AB82" s="552"/>
      <c r="AC82" s="552"/>
      <c r="AD82" s="552"/>
      <c r="AE82" s="552"/>
      <c r="AF82" s="552"/>
      <c r="AG82" s="552"/>
      <c r="AH82" s="552"/>
      <c r="AI82" s="551"/>
      <c r="AJ82" s="552"/>
      <c r="AK82" s="552"/>
      <c r="AL82" s="552"/>
      <c r="AM82" s="552"/>
      <c r="AN82" s="548"/>
      <c r="AO82" s="548"/>
      <c r="AP82" s="552"/>
      <c r="AQ82" s="552"/>
      <c r="AR82" s="548"/>
      <c r="AS82" s="548"/>
      <c r="AT82" s="552"/>
      <c r="AU82" s="552"/>
      <c r="AV82" s="552"/>
      <c r="AW82" s="552"/>
      <c r="AX82" s="552"/>
      <c r="AY82" s="552"/>
      <c r="AZ82" s="552"/>
      <c r="BA82" s="551"/>
      <c r="BB82" s="552"/>
      <c r="BC82" s="552"/>
      <c r="BD82" s="78"/>
      <c r="BE82" s="78"/>
      <c r="BF82" s="552"/>
      <c r="BG82" s="552"/>
      <c r="BH82" s="552"/>
      <c r="BI82" s="552"/>
      <c r="BJ82" s="552"/>
      <c r="BK82" s="552"/>
      <c r="BL82" s="552"/>
      <c r="BM82" s="552"/>
      <c r="BN82" s="548"/>
      <c r="BO82" s="548"/>
      <c r="BP82" s="548"/>
      <c r="BQ82" s="548"/>
      <c r="BR82" s="84"/>
    </row>
    <row r="83" spans="1:70" ht="15" customHeight="1" x14ac:dyDescent="0.2">
      <c r="A83" s="551"/>
      <c r="B83" s="552"/>
      <c r="C83" s="552"/>
      <c r="D83" s="552"/>
      <c r="E83" s="552"/>
      <c r="F83" s="552"/>
      <c r="G83" s="552"/>
      <c r="H83" s="552"/>
      <c r="I83" s="552"/>
      <c r="J83" s="552"/>
      <c r="K83" s="548"/>
      <c r="L83" s="548"/>
      <c r="M83" s="548"/>
      <c r="N83" s="552"/>
      <c r="O83" s="552"/>
      <c r="P83" s="552"/>
      <c r="Q83" s="551"/>
      <c r="R83" s="554"/>
      <c r="S83" s="554"/>
      <c r="T83" s="554"/>
      <c r="U83" s="554"/>
      <c r="V83" s="554"/>
      <c r="W83" s="554"/>
      <c r="X83" s="548"/>
      <c r="Y83" s="548"/>
      <c r="Z83" s="552"/>
      <c r="AA83" s="552"/>
      <c r="AB83" s="552"/>
      <c r="AC83" s="552"/>
      <c r="AD83" s="552"/>
      <c r="AE83" s="552"/>
      <c r="AF83" s="552"/>
      <c r="AG83" s="552"/>
      <c r="AH83" s="552"/>
      <c r="AI83" s="551"/>
      <c r="AJ83" s="552"/>
      <c r="AK83" s="552"/>
      <c r="AL83" s="552"/>
      <c r="AM83" s="552"/>
      <c r="AN83" s="548"/>
      <c r="AO83" s="548"/>
      <c r="AP83" s="552"/>
      <c r="AQ83" s="552"/>
      <c r="AR83" s="548"/>
      <c r="AS83" s="548"/>
      <c r="AT83" s="552"/>
      <c r="AU83" s="552"/>
      <c r="AV83" s="552"/>
      <c r="AW83" s="552"/>
      <c r="AX83" s="552"/>
      <c r="AY83" s="552"/>
      <c r="AZ83" s="552"/>
      <c r="BA83" s="551"/>
      <c r="BB83" s="552"/>
      <c r="BC83" s="552"/>
      <c r="BD83" s="78"/>
      <c r="BE83" s="78"/>
      <c r="BF83" s="552"/>
      <c r="BG83" s="552"/>
      <c r="BH83" s="552"/>
      <c r="BI83" s="552"/>
      <c r="BJ83" s="552"/>
      <c r="BK83" s="552"/>
      <c r="BL83" s="552"/>
      <c r="BM83" s="552"/>
      <c r="BN83" s="548"/>
      <c r="BO83" s="548"/>
      <c r="BP83" s="548"/>
      <c r="BQ83" s="548"/>
      <c r="BR83" s="84"/>
    </row>
    <row r="84" spans="1:70" ht="15" customHeight="1" x14ac:dyDescent="0.2">
      <c r="A84" s="551"/>
      <c r="B84" s="552"/>
      <c r="C84" s="552"/>
      <c r="D84" s="552"/>
      <c r="E84" s="552"/>
      <c r="F84" s="552"/>
      <c r="G84" s="552"/>
      <c r="H84" s="552"/>
      <c r="I84" s="552"/>
      <c r="J84" s="552"/>
      <c r="K84" s="548"/>
      <c r="L84" s="548"/>
      <c r="M84" s="548"/>
      <c r="N84" s="552"/>
      <c r="O84" s="552"/>
      <c r="P84" s="552"/>
      <c r="Q84" s="551"/>
      <c r="R84" s="554"/>
      <c r="S84" s="554"/>
      <c r="T84" s="554"/>
      <c r="U84" s="554"/>
      <c r="V84" s="554"/>
      <c r="W84" s="554"/>
      <c r="X84" s="548"/>
      <c r="Y84" s="548"/>
      <c r="Z84" s="552"/>
      <c r="AA84" s="552"/>
      <c r="AB84" s="552"/>
      <c r="AC84" s="552"/>
      <c r="AD84" s="552"/>
      <c r="AE84" s="552"/>
      <c r="AF84" s="552"/>
      <c r="AG84" s="552"/>
      <c r="AH84" s="552"/>
      <c r="AI84" s="551"/>
      <c r="AJ84" s="552"/>
      <c r="AK84" s="552"/>
      <c r="AL84" s="552"/>
      <c r="AM84" s="552"/>
      <c r="AN84" s="548"/>
      <c r="AO84" s="548"/>
      <c r="AP84" s="552"/>
      <c r="AQ84" s="552"/>
      <c r="AR84" s="548"/>
      <c r="AS84" s="548"/>
      <c r="AT84" s="552"/>
      <c r="AU84" s="552"/>
      <c r="AV84" s="552"/>
      <c r="AW84" s="552"/>
      <c r="AX84" s="552"/>
      <c r="AY84" s="552"/>
      <c r="AZ84" s="552"/>
      <c r="BA84" s="551"/>
      <c r="BB84" s="552"/>
      <c r="BC84" s="552"/>
      <c r="BD84" s="78"/>
      <c r="BE84" s="78"/>
      <c r="BF84" s="552"/>
      <c r="BG84" s="552"/>
      <c r="BH84" s="552"/>
      <c r="BI84" s="552"/>
      <c r="BJ84" s="552"/>
      <c r="BK84" s="552"/>
      <c r="BL84" s="552"/>
      <c r="BM84" s="552"/>
      <c r="BN84" s="548"/>
      <c r="BO84" s="548"/>
      <c r="BP84" s="548"/>
      <c r="BQ84" s="548"/>
      <c r="BR84" s="84"/>
    </row>
    <row r="85" spans="1:70" ht="11.25" customHeight="1" x14ac:dyDescent="0.15">
      <c r="A85" s="85"/>
      <c r="B85" s="42"/>
      <c r="C85" s="42"/>
      <c r="D85" s="42"/>
      <c r="E85" s="42"/>
      <c r="F85" s="42"/>
      <c r="G85" s="42"/>
      <c r="H85" s="42"/>
      <c r="I85" s="42"/>
      <c r="J85" s="42"/>
      <c r="K85" s="42"/>
      <c r="L85" s="42"/>
      <c r="M85" s="42"/>
      <c r="N85" s="42"/>
      <c r="O85" s="42"/>
      <c r="P85" s="42"/>
      <c r="Q85" s="85"/>
      <c r="R85" s="77"/>
      <c r="S85" s="77"/>
      <c r="T85" s="42"/>
      <c r="U85" s="77"/>
      <c r="V85" s="77"/>
      <c r="W85" s="77"/>
      <c r="X85" s="42"/>
      <c r="Y85" s="42"/>
      <c r="Z85" s="42"/>
      <c r="AA85" s="42"/>
      <c r="AB85" s="42"/>
      <c r="AC85" s="42"/>
      <c r="AD85" s="42"/>
      <c r="AE85" s="42"/>
      <c r="AF85" s="42"/>
      <c r="AG85" s="42"/>
      <c r="AH85" s="42"/>
      <c r="AI85" s="42"/>
      <c r="AJ85" s="42"/>
      <c r="AK85" s="42"/>
      <c r="AL85" s="42"/>
      <c r="AM85" s="42"/>
      <c r="AN85" s="42"/>
      <c r="AO85" s="42"/>
      <c r="AP85" s="42"/>
      <c r="AQ85" s="42"/>
      <c r="AR85" s="42"/>
      <c r="AS85" s="42"/>
      <c r="AT85" s="42"/>
      <c r="AU85" s="42"/>
      <c r="AV85" s="42"/>
      <c r="AW85" s="42"/>
      <c r="AX85" s="42"/>
      <c r="AY85" s="42"/>
      <c r="AZ85" s="42"/>
      <c r="BA85" s="42"/>
      <c r="BB85" s="42"/>
      <c r="BC85" s="42"/>
      <c r="BD85" s="78"/>
      <c r="BE85" s="78"/>
      <c r="BF85" s="42"/>
      <c r="BG85" s="42"/>
      <c r="BH85" s="42"/>
      <c r="BI85" s="42"/>
      <c r="BJ85" s="42"/>
      <c r="BK85" s="42"/>
      <c r="BL85" s="42"/>
      <c r="BM85" s="42"/>
      <c r="BN85" s="42"/>
      <c r="BO85" s="42"/>
      <c r="BP85" s="42"/>
      <c r="BQ85" s="42"/>
      <c r="BR85" s="42"/>
    </row>
    <row r="86" spans="1:70" ht="17.25" customHeight="1" x14ac:dyDescent="0.15"/>
    <row r="87" spans="1:70" ht="18" customHeight="1" x14ac:dyDescent="0.15">
      <c r="A87" s="536"/>
      <c r="B87" s="40"/>
      <c r="C87" s="40"/>
      <c r="D87" s="40"/>
      <c r="E87" s="40"/>
      <c r="F87" s="40"/>
      <c r="G87" s="40"/>
      <c r="H87" s="40"/>
      <c r="I87" s="40"/>
      <c r="J87" s="40"/>
      <c r="K87" s="40"/>
      <c r="L87" s="40"/>
      <c r="M87" s="40"/>
      <c r="N87" s="40"/>
      <c r="O87" s="40"/>
      <c r="P87" s="40"/>
      <c r="Q87" s="536"/>
      <c r="R87" s="40"/>
      <c r="S87" s="40"/>
      <c r="T87" s="41"/>
      <c r="U87" s="41"/>
      <c r="V87" s="41"/>
      <c r="W87" s="41"/>
      <c r="X87" s="41"/>
      <c r="Y87" s="40"/>
      <c r="Z87" s="40"/>
      <c r="AA87" s="40"/>
      <c r="AB87" s="40"/>
      <c r="AC87" s="40"/>
      <c r="AD87" s="40"/>
      <c r="AE87" s="40"/>
      <c r="AF87" s="40"/>
      <c r="AG87" s="40"/>
      <c r="AH87" s="40"/>
      <c r="AI87" s="40"/>
      <c r="AJ87" s="40"/>
      <c r="AK87" s="40"/>
      <c r="AL87" s="40"/>
      <c r="AM87" s="40"/>
      <c r="AN87" s="40"/>
      <c r="AO87" s="40"/>
      <c r="AP87" s="42"/>
      <c r="AQ87" s="42"/>
      <c r="AR87" s="40"/>
      <c r="AS87" s="40"/>
      <c r="AT87" s="40"/>
      <c r="AU87" s="40"/>
      <c r="AV87" s="40"/>
      <c r="AW87" s="40"/>
      <c r="AX87" s="40"/>
      <c r="AY87" s="40"/>
      <c r="AZ87" s="40"/>
      <c r="BA87" s="40"/>
      <c r="BB87" s="40"/>
      <c r="BC87" s="40"/>
      <c r="BD87" s="43"/>
      <c r="BE87" s="43"/>
      <c r="BF87" s="40"/>
      <c r="BG87" s="40"/>
      <c r="BH87" s="40"/>
      <c r="BI87" s="40"/>
      <c r="BJ87" s="40"/>
      <c r="BK87" s="40"/>
      <c r="BL87" s="40"/>
      <c r="BM87" s="40"/>
      <c r="BN87" s="40"/>
      <c r="BO87" s="40"/>
      <c r="BP87" s="40"/>
      <c r="BQ87" s="40"/>
      <c r="BR87" s="40"/>
    </row>
    <row r="88" spans="1:70" ht="11.25" customHeight="1" x14ac:dyDescent="0.15">
      <c r="B88" s="753"/>
      <c r="C88" s="753"/>
      <c r="D88" s="753"/>
      <c r="E88" s="753"/>
      <c r="F88" s="753"/>
      <c r="G88" s="753"/>
      <c r="H88" s="753"/>
      <c r="I88" s="753"/>
      <c r="J88" s="753"/>
      <c r="K88" s="753"/>
      <c r="L88" s="753"/>
      <c r="M88" s="753"/>
      <c r="N88" s="753"/>
      <c r="O88" s="753"/>
      <c r="P88" s="753"/>
      <c r="Q88" s="753"/>
      <c r="R88" s="753"/>
      <c r="S88" s="753"/>
      <c r="T88" s="753"/>
      <c r="U88" s="806"/>
      <c r="V88" s="806"/>
      <c r="W88" s="806"/>
      <c r="X88" s="806"/>
      <c r="Y88" s="806"/>
      <c r="Z88" s="537"/>
      <c r="AA88" s="537"/>
      <c r="AB88" s="537"/>
      <c r="AC88" s="537"/>
      <c r="AD88" s="537"/>
      <c r="AE88" s="537"/>
      <c r="AF88" s="537"/>
      <c r="AG88" s="537"/>
      <c r="AH88" s="537"/>
      <c r="AJ88" s="537"/>
      <c r="AK88" s="537"/>
      <c r="AL88" s="537"/>
      <c r="AM88" s="537"/>
      <c r="AN88" s="537"/>
      <c r="AO88" s="537"/>
      <c r="AP88" s="537"/>
      <c r="AQ88" s="537"/>
      <c r="AR88" s="752"/>
      <c r="AS88" s="752"/>
      <c r="AT88" s="538"/>
      <c r="AU88" s="539"/>
      <c r="AV88" s="539"/>
      <c r="AW88" s="752"/>
      <c r="AX88" s="752"/>
      <c r="AY88" s="752"/>
      <c r="AZ88" s="752"/>
      <c r="BB88" s="539"/>
      <c r="BC88" s="538"/>
      <c r="BD88" s="539"/>
      <c r="BE88" s="539"/>
      <c r="BF88" s="539"/>
      <c r="BG88" s="539"/>
      <c r="BH88" s="539"/>
      <c r="BI88" s="539"/>
      <c r="BJ88" s="539"/>
      <c r="BK88" s="539"/>
      <c r="BL88" s="538"/>
      <c r="BM88" s="539"/>
      <c r="BN88" s="539"/>
      <c r="BO88" s="539"/>
      <c r="BP88" s="752"/>
      <c r="BQ88" s="752"/>
      <c r="BR88" s="83"/>
    </row>
    <row r="89" spans="1:70" ht="11.25" customHeight="1" x14ac:dyDescent="0.15">
      <c r="A89" s="78"/>
      <c r="B89" s="539"/>
      <c r="C89" s="539"/>
      <c r="D89" s="538"/>
      <c r="E89" s="539"/>
      <c r="F89" s="539"/>
      <c r="G89" s="539"/>
      <c r="H89" s="539"/>
      <c r="I89" s="539"/>
      <c r="J89" s="538"/>
      <c r="K89" s="539"/>
      <c r="L89" s="539"/>
      <c r="M89" s="539"/>
      <c r="N89" s="806"/>
      <c r="O89" s="806"/>
      <c r="P89" s="806"/>
      <c r="Q89" s="78"/>
      <c r="R89" s="753"/>
      <c r="S89" s="753"/>
      <c r="T89" s="753"/>
      <c r="U89" s="753"/>
      <c r="V89" s="753"/>
      <c r="W89" s="753"/>
      <c r="X89" s="753"/>
      <c r="Y89" s="753"/>
      <c r="Z89" s="83"/>
      <c r="AA89" s="806"/>
      <c r="AB89" s="806"/>
      <c r="AC89" s="806"/>
      <c r="AD89" s="806"/>
      <c r="AE89" s="806"/>
      <c r="AF89" s="806"/>
      <c r="AG89" s="806"/>
      <c r="AH89" s="806"/>
      <c r="AI89" s="78"/>
      <c r="AJ89" s="806"/>
      <c r="AK89" s="806"/>
      <c r="AL89" s="806"/>
      <c r="AM89" s="806"/>
      <c r="AN89" s="806"/>
      <c r="AO89" s="806"/>
      <c r="AP89" s="844"/>
      <c r="AQ89" s="845"/>
      <c r="AR89" s="752"/>
      <c r="AS89" s="752"/>
      <c r="AT89" s="804"/>
      <c r="AU89" s="843"/>
      <c r="AV89" s="843"/>
      <c r="AW89" s="752"/>
      <c r="AX89" s="752"/>
      <c r="AY89" s="752"/>
      <c r="AZ89" s="752"/>
      <c r="BA89" s="78"/>
      <c r="BB89" s="752"/>
      <c r="BC89" s="752"/>
      <c r="BD89" s="752"/>
      <c r="BE89" s="752"/>
      <c r="BF89" s="752"/>
      <c r="BG89" s="752"/>
      <c r="BH89" s="805"/>
      <c r="BI89" s="805"/>
      <c r="BJ89" s="805"/>
      <c r="BK89" s="805"/>
      <c r="BL89" s="752"/>
      <c r="BM89" s="752"/>
      <c r="BN89" s="752"/>
      <c r="BO89" s="752"/>
      <c r="BP89" s="752"/>
      <c r="BQ89" s="752"/>
      <c r="BR89" s="83"/>
    </row>
    <row r="90" spans="1:70" ht="11.25" customHeight="1" x14ac:dyDescent="0.2">
      <c r="A90" s="78"/>
      <c r="C90" s="78"/>
      <c r="F90" s="78"/>
      <c r="I90" s="78"/>
      <c r="L90" s="78"/>
      <c r="N90" s="806"/>
      <c r="O90" s="806"/>
      <c r="P90" s="806"/>
      <c r="Q90" s="78"/>
      <c r="R90" s="753"/>
      <c r="S90" s="753"/>
      <c r="T90" s="753"/>
      <c r="U90" s="753"/>
      <c r="V90" s="753"/>
      <c r="W90" s="753"/>
      <c r="X90" s="753"/>
      <c r="Y90" s="753"/>
      <c r="Z90" s="83"/>
      <c r="AA90" s="840"/>
      <c r="AB90" s="841"/>
      <c r="AC90" s="807"/>
      <c r="AD90" s="807"/>
      <c r="AE90" s="807"/>
      <c r="AF90" s="807"/>
      <c r="AG90" s="807"/>
      <c r="AH90" s="807"/>
      <c r="AI90" s="78"/>
      <c r="AJ90" s="807"/>
      <c r="AK90" s="807"/>
      <c r="AL90" s="840"/>
      <c r="AM90" s="841"/>
      <c r="AN90" s="538"/>
      <c r="AO90" s="539"/>
      <c r="AP90" s="845"/>
      <c r="AQ90" s="845"/>
      <c r="AR90" s="752"/>
      <c r="AS90" s="752"/>
      <c r="AT90" s="804"/>
      <c r="AU90" s="843"/>
      <c r="AV90" s="843"/>
      <c r="AW90" s="752"/>
      <c r="AX90" s="752"/>
      <c r="AY90" s="752"/>
      <c r="AZ90" s="752"/>
      <c r="BA90" s="78"/>
      <c r="BB90" s="752"/>
      <c r="BC90" s="752"/>
      <c r="BD90" s="752"/>
      <c r="BE90" s="752"/>
      <c r="BF90" s="752"/>
      <c r="BG90" s="752"/>
      <c r="BH90" s="805"/>
      <c r="BI90" s="805"/>
      <c r="BJ90" s="805"/>
      <c r="BK90" s="805"/>
      <c r="BL90" s="752"/>
      <c r="BM90" s="752"/>
      <c r="BN90" s="752"/>
      <c r="BO90" s="752"/>
      <c r="BP90" s="752"/>
      <c r="BQ90" s="752"/>
      <c r="BR90" s="83"/>
    </row>
    <row r="91" spans="1:70" ht="11.25" customHeight="1" x14ac:dyDescent="0.15">
      <c r="A91" s="540"/>
      <c r="B91" s="78"/>
      <c r="C91" s="78"/>
      <c r="D91" s="78"/>
      <c r="E91" s="78"/>
      <c r="F91" s="78"/>
      <c r="G91" s="78"/>
      <c r="H91" s="78"/>
      <c r="I91" s="78"/>
      <c r="J91" s="78"/>
      <c r="K91" s="78"/>
      <c r="L91" s="78"/>
      <c r="M91" s="78"/>
      <c r="N91" s="78"/>
      <c r="O91" s="78"/>
      <c r="P91" s="78"/>
      <c r="Q91" s="540"/>
      <c r="R91" s="78"/>
      <c r="S91" s="78"/>
      <c r="T91" s="78"/>
      <c r="U91" s="78"/>
      <c r="V91" s="78"/>
      <c r="W91" s="78"/>
      <c r="X91" s="78"/>
      <c r="Y91" s="78"/>
      <c r="Z91" s="83"/>
      <c r="AA91" s="78"/>
      <c r="AB91" s="78"/>
      <c r="AC91" s="78"/>
      <c r="AD91" s="78"/>
      <c r="AE91" s="78"/>
      <c r="AF91" s="78"/>
      <c r="AG91" s="78"/>
      <c r="AH91" s="78"/>
      <c r="AI91" s="540"/>
      <c r="AJ91" s="78"/>
      <c r="AK91" s="78"/>
      <c r="AL91" s="78"/>
      <c r="AM91" s="78"/>
      <c r="AN91" s="78"/>
      <c r="AO91" s="78"/>
      <c r="AP91" s="78"/>
      <c r="AQ91" s="78"/>
      <c r="AR91" s="78"/>
      <c r="AS91" s="78"/>
      <c r="AT91" s="804"/>
      <c r="AU91" s="843"/>
      <c r="AV91" s="843"/>
      <c r="AW91" s="78"/>
      <c r="AX91" s="78"/>
      <c r="AY91" s="78"/>
      <c r="AZ91" s="78"/>
      <c r="BA91" s="540"/>
      <c r="BB91" s="78"/>
      <c r="BC91" s="78"/>
      <c r="BD91" s="78"/>
      <c r="BE91" s="78"/>
      <c r="BF91" s="78"/>
      <c r="BG91" s="78"/>
      <c r="BH91" s="78"/>
      <c r="BI91" s="78"/>
      <c r="BJ91" s="78"/>
      <c r="BK91" s="78"/>
      <c r="BL91" s="78"/>
      <c r="BM91" s="78"/>
      <c r="BN91" s="78"/>
      <c r="BO91" s="78"/>
      <c r="BP91" s="78"/>
      <c r="BQ91" s="78"/>
      <c r="BR91" s="78"/>
    </row>
    <row r="92" spans="1:70" ht="11.25" customHeight="1" x14ac:dyDescent="0.15">
      <c r="A92" s="540"/>
      <c r="B92" s="753"/>
      <c r="C92" s="753"/>
      <c r="D92" s="753"/>
      <c r="E92" s="753"/>
      <c r="F92" s="753"/>
      <c r="G92" s="753"/>
      <c r="H92" s="753"/>
      <c r="I92" s="753"/>
      <c r="J92" s="753"/>
      <c r="K92" s="753"/>
      <c r="L92" s="753"/>
      <c r="M92" s="753"/>
      <c r="N92" s="753"/>
      <c r="O92" s="753"/>
      <c r="P92" s="753"/>
      <c r="Q92" s="753"/>
      <c r="R92" s="753"/>
      <c r="S92" s="753"/>
      <c r="T92" s="753"/>
      <c r="U92" s="753"/>
      <c r="V92" s="753"/>
      <c r="W92" s="753"/>
      <c r="X92" s="753"/>
      <c r="Y92" s="753"/>
      <c r="Z92" s="753"/>
      <c r="AA92" s="753"/>
      <c r="AB92" s="753"/>
      <c r="AC92" s="753"/>
      <c r="AD92" s="753"/>
      <c r="AE92" s="753"/>
      <c r="AF92" s="753"/>
      <c r="AG92" s="753"/>
      <c r="AH92" s="753"/>
      <c r="AI92" s="753"/>
      <c r="AJ92" s="753"/>
      <c r="AK92" s="753"/>
      <c r="AL92" s="753"/>
      <c r="AM92" s="753"/>
      <c r="AN92" s="753"/>
      <c r="AO92" s="753"/>
      <c r="AP92" s="753"/>
      <c r="AQ92" s="753"/>
      <c r="AR92" s="753"/>
      <c r="AS92" s="753"/>
      <c r="AT92" s="753"/>
      <c r="AU92" s="753"/>
      <c r="AV92" s="753"/>
      <c r="AW92" s="753"/>
      <c r="AX92" s="753"/>
      <c r="AY92" s="753"/>
      <c r="AZ92" s="753"/>
      <c r="BA92" s="753"/>
      <c r="BB92" s="753"/>
      <c r="BC92" s="753"/>
      <c r="BD92" s="753"/>
      <c r="BE92" s="753"/>
      <c r="BF92" s="753"/>
      <c r="BG92" s="753"/>
      <c r="BH92" s="753"/>
      <c r="BI92" s="753"/>
      <c r="BJ92" s="753"/>
      <c r="BK92" s="753"/>
      <c r="BL92" s="753"/>
      <c r="BM92" s="753"/>
      <c r="BN92" s="753"/>
      <c r="BO92" s="753"/>
      <c r="BP92" s="753"/>
      <c r="BQ92" s="753"/>
      <c r="BR92" s="78"/>
    </row>
    <row r="93" spans="1:70" ht="15" customHeight="1" x14ac:dyDescent="0.2">
      <c r="A93" s="543"/>
      <c r="B93" s="84"/>
      <c r="C93" s="84"/>
      <c r="D93" s="84"/>
      <c r="E93" s="84"/>
      <c r="F93" s="84"/>
      <c r="G93" s="84"/>
      <c r="H93" s="84"/>
      <c r="I93" s="84"/>
      <c r="J93" s="84"/>
      <c r="K93" s="84"/>
      <c r="L93" s="84"/>
      <c r="M93" s="84"/>
      <c r="N93" s="84"/>
      <c r="O93" s="84"/>
      <c r="P93" s="84"/>
      <c r="Q93" s="543"/>
      <c r="R93" s="84"/>
      <c r="S93" s="548"/>
      <c r="T93" s="84"/>
      <c r="U93" s="84"/>
      <c r="V93" s="84"/>
      <c r="W93" s="84"/>
      <c r="X93" s="84"/>
      <c r="Y93" s="84"/>
      <c r="Z93" s="559"/>
      <c r="AA93" s="84"/>
      <c r="AB93" s="84"/>
      <c r="AC93" s="84"/>
      <c r="AD93" s="84"/>
      <c r="AE93" s="84"/>
      <c r="AF93" s="84"/>
      <c r="AG93" s="84"/>
      <c r="AH93" s="84"/>
      <c r="AI93" s="543"/>
      <c r="AJ93" s="84"/>
      <c r="AK93" s="84"/>
      <c r="AL93" s="84"/>
      <c r="AM93" s="84"/>
      <c r="AN93" s="84"/>
      <c r="AO93" s="84"/>
      <c r="AP93" s="84"/>
      <c r="AQ93" s="84"/>
      <c r="AR93" s="548"/>
      <c r="AS93" s="548"/>
      <c r="AT93" s="560"/>
      <c r="AU93" s="560"/>
      <c r="AV93" s="84"/>
      <c r="AW93" s="84"/>
      <c r="AX93" s="84"/>
      <c r="AY93" s="84"/>
      <c r="AZ93" s="84"/>
      <c r="BA93" s="543"/>
      <c r="BB93" s="42"/>
      <c r="BC93" s="42"/>
      <c r="BD93" s="78"/>
      <c r="BE93" s="78"/>
      <c r="BF93" s="42"/>
      <c r="BG93" s="42"/>
      <c r="BH93" s="42"/>
      <c r="BI93" s="42"/>
      <c r="BJ93" s="42"/>
      <c r="BK93" s="42"/>
      <c r="BL93" s="42"/>
      <c r="BM93" s="42"/>
      <c r="BN93" s="84"/>
      <c r="BO93" s="84"/>
      <c r="BP93" s="84"/>
      <c r="BQ93" s="84"/>
      <c r="BR93" s="84"/>
    </row>
    <row r="94" spans="1:70" ht="15" customHeight="1" x14ac:dyDescent="0.2">
      <c r="A94" s="551"/>
      <c r="B94" s="84"/>
      <c r="C94" s="84"/>
      <c r="D94" s="84"/>
      <c r="E94" s="84"/>
      <c r="F94" s="84"/>
      <c r="G94" s="84"/>
      <c r="H94" s="84"/>
      <c r="I94" s="84"/>
      <c r="J94" s="84"/>
      <c r="K94" s="84"/>
      <c r="L94" s="84"/>
      <c r="M94" s="84"/>
      <c r="N94" s="84"/>
      <c r="O94" s="84"/>
      <c r="P94" s="84"/>
      <c r="Q94" s="551"/>
      <c r="R94" s="84"/>
      <c r="S94" s="84"/>
      <c r="T94" s="84"/>
      <c r="U94" s="84"/>
      <c r="V94" s="84"/>
      <c r="W94" s="84"/>
      <c r="X94" s="84"/>
      <c r="Y94" s="84"/>
      <c r="Z94" s="84"/>
      <c r="AA94" s="84"/>
      <c r="AB94" s="84"/>
      <c r="AC94" s="84"/>
      <c r="AD94" s="84"/>
      <c r="AE94" s="84"/>
      <c r="AF94" s="84"/>
      <c r="AG94" s="84"/>
      <c r="AH94" s="84"/>
      <c r="AI94" s="551"/>
      <c r="AJ94" s="84"/>
      <c r="AK94" s="84"/>
      <c r="AL94" s="84"/>
      <c r="AM94" s="84"/>
      <c r="AN94" s="84"/>
      <c r="AO94" s="84"/>
      <c r="AP94" s="84"/>
      <c r="AQ94" s="84"/>
      <c r="AR94" s="548"/>
      <c r="AS94" s="548"/>
      <c r="AT94" s="84"/>
      <c r="AU94" s="84"/>
      <c r="AV94" s="84"/>
      <c r="AW94" s="84"/>
      <c r="AX94" s="84"/>
      <c r="AY94" s="84"/>
      <c r="AZ94" s="84"/>
      <c r="BA94" s="551"/>
      <c r="BB94" s="42"/>
      <c r="BC94" s="42"/>
      <c r="BD94" s="42"/>
      <c r="BE94" s="42"/>
      <c r="BF94" s="42"/>
      <c r="BG94" s="42"/>
      <c r="BH94" s="42"/>
      <c r="BI94" s="42"/>
      <c r="BJ94" s="42"/>
      <c r="BK94" s="42"/>
      <c r="BL94" s="42"/>
      <c r="BM94" s="42"/>
      <c r="BN94" s="84"/>
      <c r="BO94" s="84"/>
      <c r="BP94" s="84"/>
      <c r="BQ94" s="84"/>
      <c r="BR94" s="84"/>
    </row>
    <row r="95" spans="1:70" ht="15" customHeight="1" x14ac:dyDescent="0.2">
      <c r="A95" s="551"/>
      <c r="B95" s="84"/>
      <c r="C95" s="84"/>
      <c r="D95" s="84"/>
      <c r="E95" s="84"/>
      <c r="F95" s="84"/>
      <c r="G95" s="84"/>
      <c r="H95" s="84"/>
      <c r="I95" s="84"/>
      <c r="J95" s="84"/>
      <c r="K95" s="84"/>
      <c r="L95" s="84"/>
      <c r="M95" s="84"/>
      <c r="N95" s="84"/>
      <c r="O95" s="84"/>
      <c r="P95" s="84"/>
      <c r="Q95" s="551"/>
      <c r="R95" s="84"/>
      <c r="S95" s="84"/>
      <c r="T95" s="84"/>
      <c r="U95" s="84"/>
      <c r="V95" s="84"/>
      <c r="W95" s="84"/>
      <c r="X95" s="84"/>
      <c r="Y95" s="84"/>
      <c r="Z95" s="84"/>
      <c r="AA95" s="84"/>
      <c r="AB95" s="84"/>
      <c r="AC95" s="84"/>
      <c r="AD95" s="84"/>
      <c r="AE95" s="84"/>
      <c r="AF95" s="84"/>
      <c r="AG95" s="84"/>
      <c r="AH95" s="84"/>
      <c r="AI95" s="551"/>
      <c r="AJ95" s="84"/>
      <c r="AK95" s="84"/>
      <c r="AL95" s="84"/>
      <c r="AM95" s="84"/>
      <c r="AN95" s="84"/>
      <c r="AO95" s="84"/>
      <c r="AP95" s="84"/>
      <c r="AQ95" s="84"/>
      <c r="AR95" s="548"/>
      <c r="AS95" s="548"/>
      <c r="AT95" s="84"/>
      <c r="AU95" s="84"/>
      <c r="AV95" s="84"/>
      <c r="AW95" s="84"/>
      <c r="AX95" s="84"/>
      <c r="AY95" s="84"/>
      <c r="AZ95" s="84"/>
      <c r="BA95" s="551"/>
      <c r="BB95" s="42"/>
      <c r="BC95" s="42"/>
      <c r="BD95" s="42"/>
      <c r="BE95" s="42"/>
      <c r="BF95" s="42"/>
      <c r="BG95" s="42"/>
      <c r="BH95" s="42"/>
      <c r="BI95" s="42"/>
      <c r="BJ95" s="42"/>
      <c r="BK95" s="42"/>
      <c r="BL95" s="42"/>
      <c r="BM95" s="42"/>
      <c r="BN95" s="84"/>
      <c r="BO95" s="84"/>
      <c r="BP95" s="84"/>
      <c r="BQ95" s="84"/>
      <c r="BR95" s="84"/>
    </row>
    <row r="96" spans="1:70" ht="15" customHeight="1" x14ac:dyDescent="0.2">
      <c r="A96" s="551"/>
      <c r="B96" s="84"/>
      <c r="C96" s="84"/>
      <c r="D96" s="84"/>
      <c r="E96" s="84"/>
      <c r="F96" s="84"/>
      <c r="G96" s="84"/>
      <c r="H96" s="84"/>
      <c r="I96" s="84"/>
      <c r="J96" s="84"/>
      <c r="K96" s="84"/>
      <c r="L96" s="84"/>
      <c r="M96" s="84"/>
      <c r="N96" s="84"/>
      <c r="O96" s="84"/>
      <c r="P96" s="84"/>
      <c r="Q96" s="551"/>
      <c r="R96" s="84"/>
      <c r="S96" s="84"/>
      <c r="T96" s="84"/>
      <c r="U96" s="84"/>
      <c r="V96" s="84"/>
      <c r="W96" s="84"/>
      <c r="X96" s="84"/>
      <c r="Y96" s="84"/>
      <c r="Z96" s="84"/>
      <c r="AA96" s="84"/>
      <c r="AB96" s="84"/>
      <c r="AC96" s="84"/>
      <c r="AD96" s="84"/>
      <c r="AE96" s="84"/>
      <c r="AF96" s="84"/>
      <c r="AG96" s="84"/>
      <c r="AH96" s="84"/>
      <c r="AI96" s="551"/>
      <c r="AJ96" s="84"/>
      <c r="AK96" s="84"/>
      <c r="AL96" s="84"/>
      <c r="AM96" s="84"/>
      <c r="AN96" s="84"/>
      <c r="AO96" s="84"/>
      <c r="AP96" s="84"/>
      <c r="AQ96" s="84"/>
      <c r="AR96" s="548"/>
      <c r="AS96" s="548"/>
      <c r="AT96" s="84"/>
      <c r="AU96" s="84"/>
      <c r="AV96" s="84"/>
      <c r="AW96" s="84"/>
      <c r="AX96" s="84"/>
      <c r="AY96" s="84"/>
      <c r="AZ96" s="84"/>
      <c r="BA96" s="551"/>
      <c r="BB96" s="42"/>
      <c r="BC96" s="42"/>
      <c r="BD96" s="42"/>
      <c r="BE96" s="42"/>
      <c r="BF96" s="42"/>
      <c r="BG96" s="42"/>
      <c r="BH96" s="42"/>
      <c r="BI96" s="42"/>
      <c r="BJ96" s="42"/>
      <c r="BK96" s="42"/>
      <c r="BL96" s="42"/>
      <c r="BM96" s="42"/>
      <c r="BN96" s="84"/>
      <c r="BO96" s="84"/>
      <c r="BP96" s="84"/>
      <c r="BQ96" s="84"/>
      <c r="BR96" s="84"/>
    </row>
    <row r="97" spans="1:70" ht="15" customHeight="1" x14ac:dyDescent="0.2">
      <c r="A97" s="551"/>
      <c r="B97" s="84"/>
      <c r="C97" s="84"/>
      <c r="D97" s="84"/>
      <c r="E97" s="84"/>
      <c r="F97" s="84"/>
      <c r="G97" s="84"/>
      <c r="H97" s="84"/>
      <c r="I97" s="84"/>
      <c r="J97" s="84"/>
      <c r="K97" s="84"/>
      <c r="L97" s="84"/>
      <c r="M97" s="84"/>
      <c r="N97" s="84"/>
      <c r="O97" s="84"/>
      <c r="P97" s="84"/>
      <c r="Q97" s="551"/>
      <c r="R97" s="84"/>
      <c r="S97" s="84"/>
      <c r="T97" s="84"/>
      <c r="U97" s="84"/>
      <c r="V97" s="84"/>
      <c r="W97" s="84"/>
      <c r="X97" s="84"/>
      <c r="Y97" s="84"/>
      <c r="Z97" s="84"/>
      <c r="AA97" s="84"/>
      <c r="AB97" s="84"/>
      <c r="AC97" s="84"/>
      <c r="AD97" s="84"/>
      <c r="AE97" s="84"/>
      <c r="AF97" s="84"/>
      <c r="AG97" s="84"/>
      <c r="AH97" s="84"/>
      <c r="AI97" s="551"/>
      <c r="AJ97" s="84"/>
      <c r="AK97" s="84"/>
      <c r="AL97" s="84"/>
      <c r="AM97" s="84"/>
      <c r="AN97" s="84"/>
      <c r="AO97" s="84"/>
      <c r="AP97" s="84"/>
      <c r="AQ97" s="84"/>
      <c r="AR97" s="548"/>
      <c r="AS97" s="548"/>
      <c r="AT97" s="84"/>
      <c r="AU97" s="84"/>
      <c r="AV97" s="84"/>
      <c r="AW97" s="84"/>
      <c r="AX97" s="84"/>
      <c r="AY97" s="84"/>
      <c r="AZ97" s="84"/>
      <c r="BA97" s="551"/>
      <c r="BB97" s="42"/>
      <c r="BC97" s="42"/>
      <c r="BD97" s="42"/>
      <c r="BE97" s="42"/>
      <c r="BF97" s="42"/>
      <c r="BG97" s="42"/>
      <c r="BH97" s="42"/>
      <c r="BI97" s="42"/>
      <c r="BJ97" s="42"/>
      <c r="BK97" s="42"/>
      <c r="BL97" s="42"/>
      <c r="BM97" s="42"/>
      <c r="BN97" s="84"/>
      <c r="BO97" s="84"/>
      <c r="BP97" s="84"/>
      <c r="BQ97" s="84"/>
      <c r="BR97" s="84"/>
    </row>
    <row r="98" spans="1:70" ht="15" customHeight="1" x14ac:dyDescent="0.2">
      <c r="A98" s="551"/>
      <c r="B98" s="84"/>
      <c r="C98" s="84"/>
      <c r="D98" s="84"/>
      <c r="E98" s="84"/>
      <c r="F98" s="84"/>
      <c r="G98" s="84"/>
      <c r="H98" s="84"/>
      <c r="I98" s="84"/>
      <c r="J98" s="84"/>
      <c r="K98" s="84"/>
      <c r="L98" s="84"/>
      <c r="M98" s="84"/>
      <c r="N98" s="84"/>
      <c r="O98" s="84"/>
      <c r="P98" s="84"/>
      <c r="Q98" s="551"/>
      <c r="R98" s="84"/>
      <c r="S98" s="84"/>
      <c r="T98" s="84"/>
      <c r="U98" s="84"/>
      <c r="V98" s="84"/>
      <c r="W98" s="84"/>
      <c r="X98" s="84"/>
      <c r="Y98" s="84"/>
      <c r="Z98" s="84"/>
      <c r="AA98" s="84"/>
      <c r="AB98" s="84"/>
      <c r="AC98" s="84"/>
      <c r="AD98" s="84"/>
      <c r="AE98" s="84"/>
      <c r="AF98" s="84"/>
      <c r="AG98" s="84"/>
      <c r="AH98" s="84"/>
      <c r="AI98" s="551"/>
      <c r="AJ98" s="84"/>
      <c r="AK98" s="84"/>
      <c r="AL98" s="84"/>
      <c r="AM98" s="84"/>
      <c r="AN98" s="84"/>
      <c r="AO98" s="84"/>
      <c r="AP98" s="84"/>
      <c r="AQ98" s="84"/>
      <c r="AR98" s="548"/>
      <c r="AS98" s="548"/>
      <c r="AT98" s="84"/>
      <c r="AU98" s="84"/>
      <c r="AV98" s="84"/>
      <c r="AW98" s="84"/>
      <c r="AX98" s="84"/>
      <c r="AY98" s="84"/>
      <c r="AZ98" s="84"/>
      <c r="BA98" s="551"/>
      <c r="BB98" s="42"/>
      <c r="BC98" s="42"/>
      <c r="BD98" s="42"/>
      <c r="BE98" s="42"/>
      <c r="BF98" s="42"/>
      <c r="BG98" s="42"/>
      <c r="BH98" s="42"/>
      <c r="BI98" s="42"/>
      <c r="BJ98" s="42"/>
      <c r="BK98" s="42"/>
      <c r="BL98" s="42"/>
      <c r="BM98" s="42"/>
      <c r="BN98" s="84"/>
      <c r="BO98" s="84"/>
      <c r="BP98" s="84"/>
      <c r="BQ98" s="84"/>
      <c r="BR98" s="84"/>
    </row>
    <row r="99" spans="1:70" ht="15" customHeight="1" x14ac:dyDescent="0.2">
      <c r="A99" s="551"/>
      <c r="B99" s="84"/>
      <c r="C99" s="84"/>
      <c r="D99" s="84"/>
      <c r="E99" s="84"/>
      <c r="F99" s="84"/>
      <c r="G99" s="84"/>
      <c r="H99" s="84"/>
      <c r="I99" s="84"/>
      <c r="J99" s="84"/>
      <c r="K99" s="84"/>
      <c r="L99" s="84"/>
      <c r="M99" s="84"/>
      <c r="N99" s="84"/>
      <c r="O99" s="84"/>
      <c r="P99" s="84"/>
      <c r="Q99" s="551"/>
      <c r="R99" s="84"/>
      <c r="S99" s="84"/>
      <c r="T99" s="84"/>
      <c r="U99" s="84"/>
      <c r="V99" s="84"/>
      <c r="W99" s="84"/>
      <c r="X99" s="84"/>
      <c r="Y99" s="84"/>
      <c r="Z99" s="84"/>
      <c r="AA99" s="84"/>
      <c r="AB99" s="84"/>
      <c r="AC99" s="84"/>
      <c r="AD99" s="84"/>
      <c r="AE99" s="84"/>
      <c r="AF99" s="84"/>
      <c r="AG99" s="84"/>
      <c r="AH99" s="84"/>
      <c r="AI99" s="551"/>
      <c r="AJ99" s="84"/>
      <c r="AK99" s="84"/>
      <c r="AL99" s="84"/>
      <c r="AM99" s="84"/>
      <c r="AN99" s="84"/>
      <c r="AO99" s="84"/>
      <c r="AP99" s="84"/>
      <c r="AQ99" s="84"/>
      <c r="AR99" s="548"/>
      <c r="AS99" s="548"/>
      <c r="AT99" s="84"/>
      <c r="AU99" s="84"/>
      <c r="AV99" s="84"/>
      <c r="AW99" s="84"/>
      <c r="AX99" s="84"/>
      <c r="AY99" s="84"/>
      <c r="AZ99" s="84"/>
      <c r="BA99" s="551"/>
      <c r="BB99" s="42"/>
      <c r="BC99" s="42"/>
      <c r="BD99" s="42"/>
      <c r="BE99" s="42"/>
      <c r="BF99" s="42"/>
      <c r="BG99" s="42"/>
      <c r="BH99" s="42"/>
      <c r="BI99" s="42"/>
      <c r="BJ99" s="42"/>
      <c r="BK99" s="42"/>
      <c r="BL99" s="42"/>
      <c r="BM99" s="42"/>
      <c r="BN99" s="84"/>
      <c r="BO99" s="84"/>
      <c r="BP99" s="84"/>
      <c r="BQ99" s="84"/>
      <c r="BR99" s="84"/>
    </row>
    <row r="100" spans="1:70" ht="15" customHeight="1" x14ac:dyDescent="0.2">
      <c r="A100" s="551"/>
      <c r="B100" s="84"/>
      <c r="C100" s="84"/>
      <c r="D100" s="84"/>
      <c r="E100" s="84"/>
      <c r="F100" s="84"/>
      <c r="G100" s="84"/>
      <c r="H100" s="84"/>
      <c r="I100" s="84"/>
      <c r="J100" s="84"/>
      <c r="K100" s="84"/>
      <c r="L100" s="84"/>
      <c r="M100" s="84"/>
      <c r="N100" s="84"/>
      <c r="O100" s="84"/>
      <c r="P100" s="84"/>
      <c r="Q100" s="551"/>
      <c r="R100" s="84"/>
      <c r="S100" s="84"/>
      <c r="T100" s="84"/>
      <c r="U100" s="84"/>
      <c r="V100" s="84"/>
      <c r="W100" s="84"/>
      <c r="X100" s="84"/>
      <c r="Y100" s="84"/>
      <c r="Z100" s="84"/>
      <c r="AA100" s="84"/>
      <c r="AB100" s="84"/>
      <c r="AC100" s="84"/>
      <c r="AD100" s="84"/>
      <c r="AE100" s="84"/>
      <c r="AF100" s="84"/>
      <c r="AG100" s="84"/>
      <c r="AH100" s="84"/>
      <c r="AI100" s="551"/>
      <c r="AJ100" s="84"/>
      <c r="AK100" s="84"/>
      <c r="AL100" s="84"/>
      <c r="AM100" s="84"/>
      <c r="AN100" s="84"/>
      <c r="AO100" s="84"/>
      <c r="AP100" s="84"/>
      <c r="AQ100" s="84"/>
      <c r="AR100" s="548"/>
      <c r="AS100" s="548"/>
      <c r="AT100" s="84"/>
      <c r="AU100" s="84"/>
      <c r="AV100" s="84"/>
      <c r="AW100" s="84"/>
      <c r="AX100" s="84"/>
      <c r="AY100" s="84"/>
      <c r="AZ100" s="84"/>
      <c r="BA100" s="551"/>
      <c r="BB100" s="42"/>
      <c r="BC100" s="42"/>
      <c r="BD100" s="42"/>
      <c r="BE100" s="42"/>
      <c r="BF100" s="42"/>
      <c r="BG100" s="42"/>
      <c r="BH100" s="42"/>
      <c r="BI100" s="42"/>
      <c r="BJ100" s="42"/>
      <c r="BK100" s="42"/>
      <c r="BL100" s="42"/>
      <c r="BM100" s="42"/>
      <c r="BN100" s="84"/>
      <c r="BO100" s="84"/>
      <c r="BP100" s="84"/>
      <c r="BQ100" s="84"/>
      <c r="BR100" s="84"/>
    </row>
    <row r="101" spans="1:70" ht="15" customHeight="1" x14ac:dyDescent="0.2">
      <c r="A101" s="551"/>
      <c r="B101" s="84"/>
      <c r="C101" s="84"/>
      <c r="D101" s="84"/>
      <c r="E101" s="84"/>
      <c r="F101" s="84"/>
      <c r="G101" s="84"/>
      <c r="H101" s="84"/>
      <c r="I101" s="84"/>
      <c r="J101" s="84"/>
      <c r="K101" s="84"/>
      <c r="L101" s="84"/>
      <c r="M101" s="84"/>
      <c r="N101" s="84"/>
      <c r="O101" s="84"/>
      <c r="P101" s="84"/>
      <c r="Q101" s="551"/>
      <c r="R101" s="84"/>
      <c r="S101" s="84"/>
      <c r="T101" s="84"/>
      <c r="U101" s="84"/>
      <c r="V101" s="84"/>
      <c r="W101" s="84"/>
      <c r="X101" s="84"/>
      <c r="Y101" s="84"/>
      <c r="Z101" s="84"/>
      <c r="AA101" s="84"/>
      <c r="AB101" s="84"/>
      <c r="AC101" s="84"/>
      <c r="AD101" s="84"/>
      <c r="AE101" s="84"/>
      <c r="AF101" s="84"/>
      <c r="AG101" s="84"/>
      <c r="AH101" s="84"/>
      <c r="AI101" s="551"/>
      <c r="AJ101" s="84"/>
      <c r="AK101" s="84"/>
      <c r="AL101" s="84"/>
      <c r="AM101" s="84"/>
      <c r="AN101" s="84"/>
      <c r="AO101" s="84"/>
      <c r="AP101" s="84"/>
      <c r="AQ101" s="84"/>
      <c r="AR101" s="548"/>
      <c r="AS101" s="548"/>
      <c r="AT101" s="84"/>
      <c r="AU101" s="84"/>
      <c r="AV101" s="84"/>
      <c r="AW101" s="84"/>
      <c r="AX101" s="84"/>
      <c r="AY101" s="84"/>
      <c r="AZ101" s="84"/>
      <c r="BA101" s="551"/>
      <c r="BB101" s="42"/>
      <c r="BC101" s="42"/>
      <c r="BD101" s="42"/>
      <c r="BE101" s="42"/>
      <c r="BF101" s="42"/>
      <c r="BG101" s="42"/>
      <c r="BH101" s="42"/>
      <c r="BI101" s="42"/>
      <c r="BJ101" s="42"/>
      <c r="BK101" s="42"/>
      <c r="BL101" s="42"/>
      <c r="BM101" s="42"/>
      <c r="BN101" s="84"/>
      <c r="BO101" s="84"/>
      <c r="BP101" s="84"/>
      <c r="BQ101" s="84"/>
      <c r="BR101" s="84"/>
    </row>
    <row r="102" spans="1:70" ht="15" customHeight="1" x14ac:dyDescent="0.2">
      <c r="A102" s="551"/>
      <c r="B102" s="84"/>
      <c r="C102" s="84"/>
      <c r="D102" s="84"/>
      <c r="E102" s="84"/>
      <c r="F102" s="84"/>
      <c r="G102" s="84"/>
      <c r="H102" s="84"/>
      <c r="I102" s="84"/>
      <c r="J102" s="84"/>
      <c r="K102" s="84"/>
      <c r="L102" s="84"/>
      <c r="M102" s="84"/>
      <c r="N102" s="84"/>
      <c r="O102" s="84"/>
      <c r="P102" s="84"/>
      <c r="Q102" s="551"/>
      <c r="R102" s="84"/>
      <c r="S102" s="84"/>
      <c r="T102" s="84"/>
      <c r="U102" s="84"/>
      <c r="V102" s="84"/>
      <c r="W102" s="84"/>
      <c r="X102" s="84"/>
      <c r="Y102" s="84"/>
      <c r="Z102" s="84"/>
      <c r="AA102" s="84"/>
      <c r="AB102" s="84"/>
      <c r="AC102" s="84"/>
      <c r="AD102" s="84"/>
      <c r="AE102" s="84"/>
      <c r="AF102" s="84"/>
      <c r="AG102" s="84"/>
      <c r="AH102" s="84"/>
      <c r="AI102" s="551"/>
      <c r="AJ102" s="84"/>
      <c r="AK102" s="84"/>
      <c r="AL102" s="84"/>
      <c r="AM102" s="84"/>
      <c r="AN102" s="84"/>
      <c r="AO102" s="84"/>
      <c r="AP102" s="84"/>
      <c r="AQ102" s="84"/>
      <c r="AR102" s="548"/>
      <c r="AS102" s="548"/>
      <c r="AT102" s="84"/>
      <c r="AU102" s="84"/>
      <c r="AV102" s="84"/>
      <c r="AW102" s="84"/>
      <c r="AX102" s="84"/>
      <c r="AY102" s="84"/>
      <c r="AZ102" s="84"/>
      <c r="BA102" s="551"/>
      <c r="BB102" s="42"/>
      <c r="BC102" s="42"/>
      <c r="BD102" s="42"/>
      <c r="BE102" s="42"/>
      <c r="BF102" s="42"/>
      <c r="BG102" s="42"/>
      <c r="BH102" s="42"/>
      <c r="BI102" s="42"/>
      <c r="BJ102" s="42"/>
      <c r="BK102" s="42"/>
      <c r="BL102" s="42"/>
      <c r="BM102" s="42"/>
      <c r="BN102" s="84"/>
      <c r="BO102" s="84"/>
      <c r="BP102" s="84"/>
      <c r="BQ102" s="84"/>
      <c r="BR102" s="84"/>
    </row>
    <row r="103" spans="1:70" ht="15" customHeight="1" x14ac:dyDescent="0.2">
      <c r="A103" s="551"/>
      <c r="B103" s="84"/>
      <c r="C103" s="84"/>
      <c r="D103" s="84"/>
      <c r="E103" s="84"/>
      <c r="F103" s="84"/>
      <c r="G103" s="84"/>
      <c r="H103" s="84"/>
      <c r="I103" s="84"/>
      <c r="J103" s="84"/>
      <c r="K103" s="84"/>
      <c r="L103" s="84"/>
      <c r="M103" s="84"/>
      <c r="N103" s="84"/>
      <c r="O103" s="84"/>
      <c r="P103" s="84"/>
      <c r="Q103" s="551"/>
      <c r="R103" s="84"/>
      <c r="S103" s="84"/>
      <c r="T103" s="84"/>
      <c r="U103" s="84"/>
      <c r="V103" s="84"/>
      <c r="W103" s="84"/>
      <c r="X103" s="84"/>
      <c r="Y103" s="84"/>
      <c r="Z103" s="84"/>
      <c r="AA103" s="84"/>
      <c r="AB103" s="84"/>
      <c r="AC103" s="84"/>
      <c r="AD103" s="84"/>
      <c r="AE103" s="84"/>
      <c r="AF103" s="84"/>
      <c r="AG103" s="84"/>
      <c r="AH103" s="84"/>
      <c r="AI103" s="551"/>
      <c r="AJ103" s="84"/>
      <c r="AK103" s="84"/>
      <c r="AL103" s="84"/>
      <c r="AM103" s="84"/>
      <c r="AN103" s="84"/>
      <c r="AO103" s="84"/>
      <c r="AP103" s="84"/>
      <c r="AQ103" s="84"/>
      <c r="AR103" s="548"/>
      <c r="AS103" s="548"/>
      <c r="AT103" s="84"/>
      <c r="AU103" s="84"/>
      <c r="AV103" s="84"/>
      <c r="AW103" s="84"/>
      <c r="AX103" s="84"/>
      <c r="AY103" s="84"/>
      <c r="AZ103" s="84"/>
      <c r="BA103" s="551"/>
      <c r="BB103" s="42"/>
      <c r="BC103" s="42"/>
      <c r="BD103" s="42"/>
      <c r="BE103" s="42"/>
      <c r="BF103" s="42"/>
      <c r="BG103" s="42"/>
      <c r="BH103" s="42"/>
      <c r="BI103" s="42"/>
      <c r="BJ103" s="42"/>
      <c r="BK103" s="42"/>
      <c r="BL103" s="42"/>
      <c r="BM103" s="42"/>
      <c r="BN103" s="84"/>
      <c r="BO103" s="84"/>
      <c r="BP103" s="84"/>
      <c r="BQ103" s="84"/>
      <c r="BR103" s="84"/>
    </row>
    <row r="104" spans="1:70" ht="15" customHeight="1" x14ac:dyDescent="0.2">
      <c r="A104" s="551"/>
      <c r="B104" s="84"/>
      <c r="C104" s="84"/>
      <c r="D104" s="84"/>
      <c r="E104" s="84"/>
      <c r="F104" s="84"/>
      <c r="G104" s="84"/>
      <c r="H104" s="84"/>
      <c r="I104" s="84"/>
      <c r="J104" s="84"/>
      <c r="K104" s="84"/>
      <c r="L104" s="84"/>
      <c r="M104" s="84"/>
      <c r="N104" s="84"/>
      <c r="O104" s="84"/>
      <c r="P104" s="84"/>
      <c r="Q104" s="551"/>
      <c r="R104" s="84"/>
      <c r="S104" s="84"/>
      <c r="T104" s="84"/>
      <c r="U104" s="84"/>
      <c r="V104" s="84"/>
      <c r="W104" s="84"/>
      <c r="X104" s="84"/>
      <c r="Y104" s="84"/>
      <c r="Z104" s="84"/>
      <c r="AA104" s="84"/>
      <c r="AB104" s="84"/>
      <c r="AC104" s="84"/>
      <c r="AD104" s="84"/>
      <c r="AE104" s="84"/>
      <c r="AF104" s="84"/>
      <c r="AG104" s="84"/>
      <c r="AH104" s="84"/>
      <c r="AI104" s="551"/>
      <c r="AJ104" s="84"/>
      <c r="AK104" s="84"/>
      <c r="AL104" s="84"/>
      <c r="AM104" s="84"/>
      <c r="AN104" s="84"/>
      <c r="AO104" s="84"/>
      <c r="AP104" s="84"/>
      <c r="AQ104" s="84"/>
      <c r="AR104" s="548"/>
      <c r="AS104" s="548"/>
      <c r="AT104" s="84"/>
      <c r="AU104" s="84"/>
      <c r="AV104" s="84"/>
      <c r="AW104" s="84"/>
      <c r="AX104" s="84"/>
      <c r="AY104" s="84"/>
      <c r="AZ104" s="84"/>
      <c r="BA104" s="551"/>
      <c r="BB104" s="42"/>
      <c r="BC104" s="42"/>
      <c r="BD104" s="42"/>
      <c r="BE104" s="42"/>
      <c r="BF104" s="42"/>
      <c r="BG104" s="42"/>
      <c r="BH104" s="42"/>
      <c r="BI104" s="42"/>
      <c r="BJ104" s="42"/>
      <c r="BK104" s="42"/>
      <c r="BL104" s="42"/>
      <c r="BM104" s="42"/>
      <c r="BN104" s="84"/>
      <c r="BO104" s="84"/>
      <c r="BP104" s="84"/>
      <c r="BQ104" s="84"/>
      <c r="BR104" s="84"/>
    </row>
    <row r="105" spans="1:70" ht="15" customHeight="1" x14ac:dyDescent="0.2">
      <c r="A105" s="551"/>
      <c r="B105" s="84"/>
      <c r="C105" s="84"/>
      <c r="D105" s="84"/>
      <c r="E105" s="84"/>
      <c r="F105" s="84"/>
      <c r="G105" s="84"/>
      <c r="H105" s="84"/>
      <c r="I105" s="84"/>
      <c r="J105" s="84"/>
      <c r="K105" s="84"/>
      <c r="L105" s="84"/>
      <c r="M105" s="84"/>
      <c r="N105" s="84"/>
      <c r="O105" s="84"/>
      <c r="P105" s="84"/>
      <c r="Q105" s="551"/>
      <c r="R105" s="84"/>
      <c r="S105" s="84"/>
      <c r="T105" s="84"/>
      <c r="U105" s="84"/>
      <c r="V105" s="84"/>
      <c r="W105" s="84"/>
      <c r="X105" s="84"/>
      <c r="Y105" s="84"/>
      <c r="Z105" s="84"/>
      <c r="AA105" s="84"/>
      <c r="AB105" s="84"/>
      <c r="AC105" s="84"/>
      <c r="AD105" s="84"/>
      <c r="AE105" s="84"/>
      <c r="AF105" s="84"/>
      <c r="AG105" s="84"/>
      <c r="AH105" s="84"/>
      <c r="AI105" s="551"/>
      <c r="AJ105" s="84"/>
      <c r="AK105" s="84"/>
      <c r="AL105" s="84"/>
      <c r="AM105" s="84"/>
      <c r="AN105" s="84"/>
      <c r="AO105" s="84"/>
      <c r="AP105" s="84"/>
      <c r="AQ105" s="84"/>
      <c r="AR105" s="548"/>
      <c r="AS105" s="548"/>
      <c r="AT105" s="84"/>
      <c r="AU105" s="84"/>
      <c r="AV105" s="84"/>
      <c r="AW105" s="84"/>
      <c r="AX105" s="84"/>
      <c r="AY105" s="84"/>
      <c r="AZ105" s="84"/>
      <c r="BA105" s="551"/>
      <c r="BB105" s="42"/>
      <c r="BC105" s="42"/>
      <c r="BD105" s="42"/>
      <c r="BE105" s="42"/>
      <c r="BF105" s="42"/>
      <c r="BG105" s="42"/>
      <c r="BH105" s="42"/>
      <c r="BI105" s="42"/>
      <c r="BJ105" s="42"/>
      <c r="BK105" s="42"/>
      <c r="BL105" s="42"/>
      <c r="BM105" s="42"/>
      <c r="BN105" s="84"/>
      <c r="BO105" s="84"/>
      <c r="BP105" s="84"/>
      <c r="BQ105" s="84"/>
      <c r="BR105" s="84"/>
    </row>
    <row r="108" spans="1:70" x14ac:dyDescent="0.15">
      <c r="Y108" s="40"/>
      <c r="Z108" s="40"/>
      <c r="AW108" s="40"/>
    </row>
    <row r="109" spans="1:70" ht="11.25" customHeight="1" x14ac:dyDescent="0.15">
      <c r="B109" s="753"/>
      <c r="C109" s="753"/>
      <c r="D109" s="753"/>
      <c r="E109" s="753"/>
      <c r="F109" s="753"/>
      <c r="G109" s="753"/>
      <c r="H109" s="753"/>
      <c r="I109" s="753"/>
      <c r="J109" s="753"/>
      <c r="K109" s="753"/>
      <c r="L109" s="753"/>
      <c r="M109" s="753"/>
      <c r="N109" s="753"/>
      <c r="O109" s="753"/>
      <c r="P109" s="753"/>
      <c r="Q109" s="753"/>
      <c r="R109" s="753"/>
      <c r="S109" s="753"/>
      <c r="T109" s="753"/>
      <c r="U109" s="806"/>
      <c r="V109" s="806"/>
      <c r="W109" s="806"/>
      <c r="X109" s="806"/>
      <c r="Y109" s="806"/>
      <c r="Z109" s="561"/>
      <c r="AA109" s="537"/>
      <c r="AB109" s="537"/>
      <c r="AC109" s="537"/>
      <c r="AD109" s="537"/>
      <c r="AE109" s="537"/>
      <c r="AF109" s="537"/>
      <c r="AG109" s="537"/>
      <c r="AH109" s="537"/>
      <c r="AI109" s="537"/>
      <c r="AJ109" s="537"/>
      <c r="AK109" s="537"/>
      <c r="AL109" s="537"/>
      <c r="AM109" s="537"/>
      <c r="AN109" s="537"/>
      <c r="AO109" s="537"/>
      <c r="AP109" s="537"/>
      <c r="AQ109" s="537"/>
      <c r="AR109" s="752"/>
      <c r="AS109" s="752"/>
      <c r="AT109" s="538"/>
      <c r="AU109" s="539"/>
      <c r="AV109" s="539"/>
      <c r="AW109" s="752"/>
      <c r="AX109" s="752"/>
      <c r="AY109" s="752"/>
      <c r="AZ109" s="752"/>
      <c r="BA109" s="83"/>
      <c r="BB109" s="539"/>
      <c r="BC109" s="538"/>
      <c r="BD109" s="539"/>
      <c r="BE109" s="539"/>
      <c r="BF109" s="539"/>
      <c r="BG109" s="539"/>
      <c r="BH109" s="539"/>
      <c r="BI109" s="539"/>
      <c r="BJ109" s="539"/>
      <c r="BK109" s="539"/>
      <c r="BL109" s="538"/>
      <c r="BM109" s="539"/>
      <c r="BN109" s="539"/>
      <c r="BO109" s="539"/>
      <c r="BP109" s="752"/>
      <c r="BQ109" s="752"/>
      <c r="BR109" s="83"/>
    </row>
    <row r="110" spans="1:70" ht="11.25" customHeight="1" x14ac:dyDescent="0.15">
      <c r="A110" s="78"/>
      <c r="B110" s="539"/>
      <c r="C110" s="539"/>
      <c r="D110" s="538"/>
      <c r="E110" s="539"/>
      <c r="F110" s="539"/>
      <c r="G110" s="539"/>
      <c r="H110" s="539"/>
      <c r="I110" s="539"/>
      <c r="J110" s="538"/>
      <c r="K110" s="539"/>
      <c r="L110" s="539"/>
      <c r="M110" s="539"/>
      <c r="N110" s="806"/>
      <c r="O110" s="806"/>
      <c r="P110" s="806"/>
      <c r="Q110" s="78"/>
      <c r="R110" s="753"/>
      <c r="S110" s="753"/>
      <c r="T110" s="753"/>
      <c r="U110" s="753"/>
      <c r="V110" s="753"/>
      <c r="W110" s="753"/>
      <c r="X110" s="753"/>
      <c r="Y110" s="753"/>
      <c r="Z110" s="752"/>
      <c r="AA110" s="539"/>
      <c r="AB110" s="539"/>
      <c r="AC110" s="539"/>
      <c r="AD110" s="539"/>
      <c r="AE110" s="539"/>
      <c r="AF110" s="539"/>
      <c r="AG110" s="539"/>
      <c r="AH110" s="539"/>
      <c r="AI110" s="539"/>
      <c r="AJ110" s="539"/>
      <c r="AK110" s="539"/>
      <c r="AL110" s="539"/>
      <c r="AM110" s="539"/>
      <c r="AN110" s="539"/>
      <c r="AO110" s="539"/>
      <c r="AP110" s="752"/>
      <c r="AQ110" s="752"/>
      <c r="AR110" s="752"/>
      <c r="AS110" s="752"/>
      <c r="AT110" s="804"/>
      <c r="AU110" s="78"/>
      <c r="AV110" s="538"/>
      <c r="AW110" s="752"/>
      <c r="AX110" s="752"/>
      <c r="AY110" s="752"/>
      <c r="AZ110" s="752"/>
      <c r="BA110" s="83"/>
      <c r="BB110" s="752"/>
      <c r="BC110" s="752"/>
      <c r="BD110" s="752"/>
      <c r="BE110" s="752"/>
      <c r="BF110" s="752"/>
      <c r="BG110" s="752"/>
      <c r="BH110" s="83"/>
      <c r="BI110" s="83"/>
      <c r="BJ110" s="83"/>
      <c r="BK110" s="83"/>
      <c r="BL110" s="752"/>
      <c r="BM110" s="752"/>
      <c r="BN110" s="752"/>
      <c r="BO110" s="752"/>
      <c r="BP110" s="752"/>
      <c r="BQ110" s="752"/>
      <c r="BR110" s="83"/>
    </row>
    <row r="111" spans="1:70" ht="11.25" customHeight="1" x14ac:dyDescent="0.15">
      <c r="A111" s="78"/>
      <c r="C111" s="78"/>
      <c r="F111" s="78"/>
      <c r="I111" s="78"/>
      <c r="L111" s="78"/>
      <c r="N111" s="806"/>
      <c r="O111" s="806"/>
      <c r="P111" s="806"/>
      <c r="Q111" s="78"/>
      <c r="R111" s="753"/>
      <c r="S111" s="753"/>
      <c r="T111" s="753"/>
      <c r="U111" s="753"/>
      <c r="V111" s="753"/>
      <c r="W111" s="753"/>
      <c r="X111" s="753"/>
      <c r="Y111" s="753"/>
      <c r="Z111" s="752"/>
      <c r="AA111" s="753"/>
      <c r="AB111" s="753"/>
      <c r="AC111" s="806"/>
      <c r="AD111" s="806"/>
      <c r="AE111" s="806"/>
      <c r="AF111" s="806"/>
      <c r="AG111" s="806"/>
      <c r="AH111" s="806"/>
      <c r="AI111" s="539"/>
      <c r="AJ111" s="807"/>
      <c r="AK111" s="807"/>
      <c r="AL111" s="538"/>
      <c r="AM111" s="539"/>
      <c r="AN111" s="538"/>
      <c r="AO111" s="539"/>
      <c r="AP111" s="752"/>
      <c r="AQ111" s="752"/>
      <c r="AR111" s="752"/>
      <c r="AS111" s="752"/>
      <c r="AT111" s="804"/>
      <c r="AU111" s="540"/>
      <c r="AV111" s="752"/>
      <c r="AW111" s="752"/>
      <c r="AX111" s="752"/>
      <c r="AY111" s="752"/>
      <c r="AZ111" s="752"/>
      <c r="BA111" s="83"/>
      <c r="BB111" s="752"/>
      <c r="BC111" s="752"/>
      <c r="BD111" s="752"/>
      <c r="BE111" s="752"/>
      <c r="BF111" s="752"/>
      <c r="BG111" s="752"/>
      <c r="BH111" s="83"/>
      <c r="BI111" s="83"/>
      <c r="BJ111" s="83"/>
      <c r="BK111" s="83"/>
      <c r="BL111" s="752"/>
      <c r="BM111" s="752"/>
      <c r="BN111" s="752"/>
      <c r="BO111" s="752"/>
      <c r="BP111" s="752"/>
      <c r="BQ111" s="752"/>
      <c r="BR111" s="83"/>
    </row>
    <row r="112" spans="1:70" ht="11.25" customHeight="1" x14ac:dyDescent="0.15">
      <c r="A112" s="540"/>
      <c r="B112" s="78"/>
      <c r="C112" s="78"/>
      <c r="D112" s="78"/>
      <c r="E112" s="78"/>
      <c r="F112" s="78"/>
      <c r="G112" s="78"/>
      <c r="H112" s="78"/>
      <c r="I112" s="78"/>
      <c r="J112" s="78"/>
      <c r="K112" s="78"/>
      <c r="L112" s="78"/>
      <c r="M112" s="78"/>
      <c r="N112" s="78"/>
      <c r="O112" s="78"/>
      <c r="P112" s="78"/>
      <c r="Q112" s="540"/>
      <c r="R112" s="78"/>
      <c r="S112" s="78"/>
      <c r="T112" s="78"/>
      <c r="U112" s="78"/>
      <c r="V112" s="78"/>
      <c r="W112" s="78"/>
      <c r="X112" s="78"/>
      <c r="Y112" s="78"/>
      <c r="Z112" s="752"/>
      <c r="AA112" s="78"/>
      <c r="AB112" s="78"/>
      <c r="AC112" s="78"/>
      <c r="AD112" s="78"/>
      <c r="AE112" s="78"/>
      <c r="AF112" s="78"/>
      <c r="AG112" s="78"/>
      <c r="AH112" s="78"/>
      <c r="AI112" s="78"/>
      <c r="AJ112" s="78"/>
      <c r="AK112" s="78"/>
      <c r="AL112" s="78"/>
      <c r="AM112" s="78"/>
      <c r="AN112" s="78"/>
      <c r="AO112" s="78"/>
      <c r="AP112" s="78"/>
      <c r="AQ112" s="78"/>
      <c r="AR112" s="78"/>
      <c r="AS112" s="78"/>
      <c r="AT112" s="804"/>
      <c r="AV112" s="752"/>
      <c r="AW112" s="78"/>
      <c r="AX112" s="78"/>
      <c r="AY112" s="78"/>
      <c r="AZ112" s="78"/>
      <c r="BA112" s="78"/>
      <c r="BB112" s="78"/>
      <c r="BC112" s="78"/>
      <c r="BD112" s="78"/>
      <c r="BE112" s="78"/>
      <c r="BF112" s="78"/>
      <c r="BG112" s="78"/>
      <c r="BH112" s="78"/>
      <c r="BI112" s="78"/>
      <c r="BJ112" s="78"/>
      <c r="BK112" s="78"/>
      <c r="BL112" s="78"/>
      <c r="BM112" s="78"/>
      <c r="BN112" s="78"/>
      <c r="BO112" s="78"/>
      <c r="BP112" s="78"/>
      <c r="BQ112" s="78"/>
      <c r="BR112" s="78"/>
    </row>
    <row r="113" spans="1:70" ht="11.25" customHeight="1" x14ac:dyDescent="0.15">
      <c r="A113" s="540"/>
      <c r="B113" s="78"/>
      <c r="C113" s="78"/>
      <c r="D113" s="78"/>
      <c r="E113" s="78"/>
      <c r="F113" s="78"/>
      <c r="G113" s="78"/>
      <c r="H113" s="78"/>
      <c r="I113" s="78"/>
      <c r="J113" s="78"/>
      <c r="K113" s="753"/>
      <c r="L113" s="753"/>
      <c r="M113" s="753"/>
      <c r="N113" s="78"/>
      <c r="O113" s="78"/>
      <c r="P113" s="78"/>
      <c r="Q113" s="540"/>
      <c r="R113" s="78"/>
      <c r="S113" s="78"/>
      <c r="T113" s="78"/>
      <c r="U113" s="78"/>
      <c r="V113" s="78"/>
      <c r="W113" s="78"/>
      <c r="X113" s="753"/>
      <c r="Y113" s="753"/>
      <c r="Z113" s="83"/>
      <c r="AA113" s="78"/>
      <c r="AB113" s="78"/>
      <c r="AC113" s="78"/>
      <c r="AD113" s="78"/>
      <c r="AE113" s="78"/>
      <c r="AF113" s="78"/>
      <c r="AG113" s="78"/>
      <c r="AH113" s="78"/>
      <c r="AI113" s="78"/>
      <c r="AJ113" s="78"/>
      <c r="AK113" s="78"/>
      <c r="AL113" s="78"/>
      <c r="AM113" s="78"/>
      <c r="AN113" s="753"/>
      <c r="AO113" s="753"/>
      <c r="AP113" s="78"/>
      <c r="AQ113" s="78"/>
      <c r="AR113" s="753"/>
      <c r="AS113" s="753"/>
      <c r="AT113" s="541"/>
      <c r="AV113" s="83"/>
      <c r="AW113" s="78"/>
      <c r="AX113" s="78"/>
      <c r="AY113" s="78"/>
      <c r="AZ113" s="78"/>
      <c r="BA113" s="753"/>
      <c r="BB113" s="753"/>
      <c r="BC113" s="753"/>
      <c r="BD113" s="753"/>
      <c r="BE113" s="753"/>
      <c r="BF113" s="753"/>
      <c r="BG113" s="753"/>
      <c r="BH113" s="753"/>
      <c r="BI113" s="753"/>
      <c r="BJ113" s="753"/>
      <c r="BK113" s="753"/>
      <c r="BL113" s="753"/>
      <c r="BM113" s="753"/>
      <c r="BN113" s="753"/>
      <c r="BO113" s="753"/>
      <c r="BP113" s="753"/>
      <c r="BQ113" s="753"/>
      <c r="BR113" s="78"/>
    </row>
    <row r="114" spans="1:70" ht="15" customHeight="1" x14ac:dyDescent="0.2">
      <c r="A114" s="543"/>
      <c r="B114" s="557"/>
      <c r="C114" s="557"/>
      <c r="D114" s="557"/>
      <c r="E114" s="547"/>
      <c r="F114" s="547"/>
      <c r="G114" s="547"/>
      <c r="H114" s="547"/>
      <c r="I114" s="547"/>
      <c r="J114" s="547"/>
      <c r="K114" s="548"/>
      <c r="L114" s="548"/>
      <c r="M114" s="548"/>
      <c r="N114" s="547"/>
      <c r="O114" s="547"/>
      <c r="P114" s="547"/>
      <c r="Q114" s="543"/>
      <c r="R114" s="547"/>
      <c r="S114" s="547"/>
      <c r="T114" s="547"/>
      <c r="U114" s="547"/>
      <c r="V114" s="547"/>
      <c r="W114" s="547"/>
      <c r="X114" s="548"/>
      <c r="Y114" s="548"/>
      <c r="Z114" s="562"/>
      <c r="AA114" s="563"/>
      <c r="AB114" s="563"/>
      <c r="AC114" s="563"/>
      <c r="AD114" s="563"/>
      <c r="AE114" s="563"/>
      <c r="AF114" s="563"/>
      <c r="AG114" s="563"/>
      <c r="AH114" s="563"/>
      <c r="AI114" s="543"/>
      <c r="AJ114" s="563"/>
      <c r="AK114" s="563"/>
      <c r="AL114" s="563"/>
      <c r="AM114" s="563"/>
      <c r="AN114" s="548"/>
      <c r="AO114" s="548"/>
      <c r="AP114" s="564"/>
      <c r="AQ114" s="564"/>
      <c r="AR114" s="548"/>
      <c r="AS114" s="548"/>
      <c r="AT114" s="563"/>
      <c r="AU114" s="563"/>
      <c r="AV114" s="563"/>
      <c r="AW114" s="563"/>
      <c r="AX114" s="563"/>
      <c r="AY114" s="564"/>
      <c r="AZ114" s="564"/>
      <c r="BA114" s="543"/>
      <c r="BB114" s="42"/>
      <c r="BC114" s="42"/>
      <c r="BD114" s="78"/>
      <c r="BE114" s="78"/>
      <c r="BF114" s="42"/>
      <c r="BG114" s="42"/>
      <c r="BH114" s="42"/>
      <c r="BI114" s="42"/>
      <c r="BJ114" s="42"/>
      <c r="BK114" s="42"/>
      <c r="BL114" s="42"/>
      <c r="BM114" s="42"/>
      <c r="BN114" s="84"/>
      <c r="BO114" s="84"/>
      <c r="BP114" s="84"/>
      <c r="BQ114" s="84"/>
      <c r="BR114" s="84"/>
    </row>
    <row r="115" spans="1:70" ht="15" customHeight="1" x14ac:dyDescent="0.2">
      <c r="A115" s="551"/>
      <c r="B115" s="553"/>
      <c r="C115" s="553"/>
      <c r="D115" s="553"/>
      <c r="E115" s="552"/>
      <c r="F115" s="552"/>
      <c r="G115" s="552"/>
      <c r="H115" s="552"/>
      <c r="I115" s="552"/>
      <c r="J115" s="552"/>
      <c r="K115" s="548"/>
      <c r="L115" s="548"/>
      <c r="M115" s="548"/>
      <c r="N115" s="552"/>
      <c r="O115" s="552"/>
      <c r="P115" s="552"/>
      <c r="Q115" s="551"/>
      <c r="R115" s="554"/>
      <c r="S115" s="554"/>
      <c r="T115" s="554"/>
      <c r="U115" s="554"/>
      <c r="V115" s="554"/>
      <c r="W115" s="554"/>
      <c r="X115" s="548"/>
      <c r="Y115" s="548"/>
      <c r="Z115" s="552"/>
      <c r="AA115" s="552"/>
      <c r="AB115" s="552"/>
      <c r="AC115" s="552"/>
      <c r="AD115" s="552"/>
      <c r="AE115" s="552"/>
      <c r="AF115" s="552"/>
      <c r="AG115" s="552"/>
      <c r="AH115" s="552"/>
      <c r="AI115" s="551"/>
      <c r="AJ115" s="552"/>
      <c r="AK115" s="552"/>
      <c r="AL115" s="552"/>
      <c r="AM115" s="552"/>
      <c r="AN115" s="548"/>
      <c r="AO115" s="548"/>
      <c r="AP115" s="553"/>
      <c r="AQ115" s="553"/>
      <c r="AR115" s="548"/>
      <c r="AS115" s="548"/>
      <c r="AT115" s="552"/>
      <c r="AU115" s="552"/>
      <c r="AV115" s="552"/>
      <c r="AW115" s="552"/>
      <c r="AX115" s="552"/>
      <c r="AY115" s="553"/>
      <c r="AZ115" s="553"/>
      <c r="BA115" s="551"/>
      <c r="BB115" s="42"/>
      <c r="BC115" s="42"/>
      <c r="BD115" s="78"/>
      <c r="BE115" s="78"/>
      <c r="BF115" s="42"/>
      <c r="BG115" s="42"/>
      <c r="BH115" s="42"/>
      <c r="BI115" s="42"/>
      <c r="BJ115" s="42"/>
      <c r="BK115" s="42"/>
      <c r="BL115" s="42"/>
      <c r="BM115" s="42"/>
      <c r="BN115" s="84"/>
      <c r="BO115" s="84"/>
      <c r="BP115" s="84"/>
      <c r="BQ115" s="84"/>
      <c r="BR115" s="84"/>
    </row>
    <row r="116" spans="1:70" ht="15" customHeight="1" x14ac:dyDescent="0.2">
      <c r="A116" s="551"/>
      <c r="B116" s="553"/>
      <c r="C116" s="553"/>
      <c r="D116" s="553"/>
      <c r="E116" s="552"/>
      <c r="F116" s="552"/>
      <c r="G116" s="552"/>
      <c r="H116" s="552"/>
      <c r="I116" s="552"/>
      <c r="J116" s="552"/>
      <c r="K116" s="548"/>
      <c r="L116" s="548"/>
      <c r="M116" s="548"/>
      <c r="N116" s="552"/>
      <c r="O116" s="552"/>
      <c r="P116" s="552"/>
      <c r="Q116" s="551"/>
      <c r="R116" s="554"/>
      <c r="S116" s="554"/>
      <c r="T116" s="554"/>
      <c r="U116" s="554"/>
      <c r="V116" s="554"/>
      <c r="W116" s="554"/>
      <c r="X116" s="548"/>
      <c r="Y116" s="548"/>
      <c r="Z116" s="552"/>
      <c r="AA116" s="552"/>
      <c r="AB116" s="552"/>
      <c r="AC116" s="552"/>
      <c r="AD116" s="552"/>
      <c r="AE116" s="552"/>
      <c r="AF116" s="552"/>
      <c r="AG116" s="552"/>
      <c r="AH116" s="552"/>
      <c r="AI116" s="551"/>
      <c r="AJ116" s="552"/>
      <c r="AK116" s="552"/>
      <c r="AL116" s="552"/>
      <c r="AM116" s="552"/>
      <c r="AN116" s="548"/>
      <c r="AO116" s="548"/>
      <c r="AP116" s="553"/>
      <c r="AQ116" s="553"/>
      <c r="AR116" s="548"/>
      <c r="AS116" s="548"/>
      <c r="AT116" s="552"/>
      <c r="AU116" s="552"/>
      <c r="AV116" s="552"/>
      <c r="AW116" s="552"/>
      <c r="AX116" s="552"/>
      <c r="AY116" s="553"/>
      <c r="AZ116" s="553"/>
      <c r="BA116" s="551"/>
      <c r="BB116" s="42"/>
      <c r="BC116" s="42"/>
      <c r="BD116" s="78"/>
      <c r="BE116" s="78"/>
      <c r="BF116" s="42"/>
      <c r="BG116" s="42"/>
      <c r="BH116" s="42"/>
      <c r="BI116" s="42"/>
      <c r="BJ116" s="42"/>
      <c r="BK116" s="42"/>
      <c r="BL116" s="42"/>
      <c r="BM116" s="42"/>
      <c r="BN116" s="84"/>
      <c r="BO116" s="84"/>
      <c r="BP116" s="84"/>
      <c r="BQ116" s="84"/>
      <c r="BR116" s="84"/>
    </row>
    <row r="117" spans="1:70" ht="15" customHeight="1" x14ac:dyDescent="0.2">
      <c r="A117" s="551"/>
      <c r="B117" s="553"/>
      <c r="C117" s="553"/>
      <c r="D117" s="553"/>
      <c r="E117" s="552"/>
      <c r="F117" s="552"/>
      <c r="G117" s="552"/>
      <c r="H117" s="552"/>
      <c r="I117" s="552"/>
      <c r="J117" s="552"/>
      <c r="K117" s="548"/>
      <c r="L117" s="548"/>
      <c r="M117" s="548"/>
      <c r="N117" s="552"/>
      <c r="O117" s="552"/>
      <c r="P117" s="552"/>
      <c r="Q117" s="551"/>
      <c r="R117" s="554"/>
      <c r="S117" s="554"/>
      <c r="T117" s="554"/>
      <c r="U117" s="554"/>
      <c r="V117" s="554"/>
      <c r="W117" s="554"/>
      <c r="X117" s="548"/>
      <c r="Y117" s="548"/>
      <c r="Z117" s="552"/>
      <c r="AA117" s="552"/>
      <c r="AB117" s="552"/>
      <c r="AC117" s="552"/>
      <c r="AD117" s="552"/>
      <c r="AE117" s="552"/>
      <c r="AF117" s="552"/>
      <c r="AG117" s="552"/>
      <c r="AH117" s="552"/>
      <c r="AI117" s="551"/>
      <c r="AJ117" s="552"/>
      <c r="AK117" s="552"/>
      <c r="AL117" s="552"/>
      <c r="AM117" s="552"/>
      <c r="AN117" s="548"/>
      <c r="AO117" s="548"/>
      <c r="AP117" s="553"/>
      <c r="AQ117" s="553"/>
      <c r="AR117" s="548"/>
      <c r="AS117" s="548"/>
      <c r="AT117" s="552"/>
      <c r="AU117" s="552"/>
      <c r="AV117" s="552"/>
      <c r="AW117" s="552"/>
      <c r="AX117" s="552"/>
      <c r="AY117" s="553"/>
      <c r="AZ117" s="553"/>
      <c r="BA117" s="551"/>
      <c r="BB117" s="42"/>
      <c r="BC117" s="42"/>
      <c r="BD117" s="78"/>
      <c r="BE117" s="78"/>
      <c r="BF117" s="42"/>
      <c r="BG117" s="42"/>
      <c r="BH117" s="42"/>
      <c r="BI117" s="42"/>
      <c r="BJ117" s="42"/>
      <c r="BK117" s="42"/>
      <c r="BL117" s="42"/>
      <c r="BM117" s="42"/>
      <c r="BN117" s="84"/>
      <c r="BO117" s="84"/>
      <c r="BP117" s="84"/>
      <c r="BQ117" s="84"/>
      <c r="BR117" s="84"/>
    </row>
    <row r="118" spans="1:70" ht="15" customHeight="1" x14ac:dyDescent="0.2">
      <c r="A118" s="551"/>
      <c r="B118" s="553"/>
      <c r="C118" s="553"/>
      <c r="D118" s="553"/>
      <c r="E118" s="552"/>
      <c r="F118" s="552"/>
      <c r="G118" s="552"/>
      <c r="H118" s="552"/>
      <c r="I118" s="552"/>
      <c r="J118" s="552"/>
      <c r="K118" s="548"/>
      <c r="L118" s="548"/>
      <c r="M118" s="548"/>
      <c r="N118" s="552"/>
      <c r="O118" s="552"/>
      <c r="P118" s="552"/>
      <c r="Q118" s="551"/>
      <c r="R118" s="554"/>
      <c r="S118" s="554"/>
      <c r="T118" s="554"/>
      <c r="U118" s="554"/>
      <c r="V118" s="554"/>
      <c r="W118" s="554"/>
      <c r="X118" s="548"/>
      <c r="Y118" s="548"/>
      <c r="Z118" s="552"/>
      <c r="AA118" s="552"/>
      <c r="AB118" s="552"/>
      <c r="AC118" s="552"/>
      <c r="AD118" s="552"/>
      <c r="AE118" s="552"/>
      <c r="AF118" s="552"/>
      <c r="AG118" s="552"/>
      <c r="AH118" s="552"/>
      <c r="AI118" s="551"/>
      <c r="AJ118" s="552"/>
      <c r="AK118" s="552"/>
      <c r="AL118" s="552"/>
      <c r="AM118" s="552"/>
      <c r="AN118" s="548"/>
      <c r="AO118" s="548"/>
      <c r="AP118" s="553"/>
      <c r="AQ118" s="553"/>
      <c r="AR118" s="548"/>
      <c r="AS118" s="548"/>
      <c r="AT118" s="552"/>
      <c r="AU118" s="552"/>
      <c r="AV118" s="552"/>
      <c r="AW118" s="552"/>
      <c r="AX118" s="552"/>
      <c r="AY118" s="553"/>
      <c r="AZ118" s="553"/>
      <c r="BA118" s="551"/>
      <c r="BB118" s="42"/>
      <c r="BC118" s="42"/>
      <c r="BD118" s="78"/>
      <c r="BE118" s="78"/>
      <c r="BF118" s="42"/>
      <c r="BG118" s="42"/>
      <c r="BH118" s="42"/>
      <c r="BI118" s="42"/>
      <c r="BJ118" s="42"/>
      <c r="BK118" s="42"/>
      <c r="BL118" s="42"/>
      <c r="BM118" s="42"/>
      <c r="BN118" s="84"/>
      <c r="BO118" s="84"/>
      <c r="BP118" s="84"/>
      <c r="BQ118" s="84"/>
      <c r="BR118" s="84"/>
    </row>
    <row r="119" spans="1:70" ht="15" customHeight="1" x14ac:dyDescent="0.2">
      <c r="A119" s="551"/>
      <c r="B119" s="553"/>
      <c r="C119" s="553"/>
      <c r="D119" s="553"/>
      <c r="E119" s="552"/>
      <c r="F119" s="552"/>
      <c r="G119" s="552"/>
      <c r="H119" s="552"/>
      <c r="I119" s="552"/>
      <c r="J119" s="552"/>
      <c r="K119" s="548"/>
      <c r="L119" s="548"/>
      <c r="M119" s="548"/>
      <c r="N119" s="552"/>
      <c r="O119" s="552"/>
      <c r="P119" s="552"/>
      <c r="Q119" s="551"/>
      <c r="R119" s="554"/>
      <c r="S119" s="554"/>
      <c r="T119" s="554"/>
      <c r="U119" s="554"/>
      <c r="V119" s="554"/>
      <c r="W119" s="554"/>
      <c r="X119" s="548"/>
      <c r="Y119" s="548"/>
      <c r="Z119" s="552"/>
      <c r="AA119" s="552"/>
      <c r="AB119" s="552"/>
      <c r="AC119" s="552"/>
      <c r="AD119" s="552"/>
      <c r="AE119" s="552"/>
      <c r="AF119" s="552"/>
      <c r="AG119" s="552"/>
      <c r="AH119" s="552"/>
      <c r="AI119" s="551"/>
      <c r="AJ119" s="552"/>
      <c r="AK119" s="552"/>
      <c r="AL119" s="552"/>
      <c r="AM119" s="552"/>
      <c r="AN119" s="548"/>
      <c r="AO119" s="548"/>
      <c r="AP119" s="553"/>
      <c r="AQ119" s="553"/>
      <c r="AR119" s="548"/>
      <c r="AS119" s="548"/>
      <c r="AT119" s="552"/>
      <c r="AU119" s="552"/>
      <c r="AV119" s="552"/>
      <c r="AW119" s="552"/>
      <c r="AX119" s="552"/>
      <c r="AY119" s="553"/>
      <c r="AZ119" s="553"/>
      <c r="BA119" s="551"/>
      <c r="BB119" s="42"/>
      <c r="BC119" s="42"/>
      <c r="BD119" s="78"/>
      <c r="BE119" s="78"/>
      <c r="BF119" s="42"/>
      <c r="BG119" s="42"/>
      <c r="BH119" s="42"/>
      <c r="BI119" s="42"/>
      <c r="BJ119" s="42"/>
      <c r="BK119" s="42"/>
      <c r="BL119" s="42"/>
      <c r="BM119" s="42"/>
      <c r="BN119" s="84"/>
      <c r="BO119" s="84"/>
      <c r="BP119" s="84"/>
      <c r="BQ119" s="84"/>
      <c r="BR119" s="84"/>
    </row>
    <row r="120" spans="1:70" ht="15" customHeight="1" x14ac:dyDescent="0.2">
      <c r="A120" s="551"/>
      <c r="B120" s="553"/>
      <c r="C120" s="553"/>
      <c r="D120" s="553"/>
      <c r="E120" s="552"/>
      <c r="F120" s="552"/>
      <c r="G120" s="552"/>
      <c r="H120" s="552"/>
      <c r="I120" s="552"/>
      <c r="J120" s="552"/>
      <c r="K120" s="548"/>
      <c r="L120" s="548"/>
      <c r="M120" s="548"/>
      <c r="N120" s="552"/>
      <c r="O120" s="552"/>
      <c r="P120" s="552"/>
      <c r="Q120" s="551"/>
      <c r="R120" s="554"/>
      <c r="S120" s="554"/>
      <c r="T120" s="554"/>
      <c r="U120" s="554"/>
      <c r="V120" s="554"/>
      <c r="W120" s="554"/>
      <c r="X120" s="548"/>
      <c r="Y120" s="548"/>
      <c r="Z120" s="552"/>
      <c r="AA120" s="552"/>
      <c r="AB120" s="552"/>
      <c r="AC120" s="552"/>
      <c r="AD120" s="552"/>
      <c r="AE120" s="552"/>
      <c r="AF120" s="552"/>
      <c r="AG120" s="552"/>
      <c r="AH120" s="552"/>
      <c r="AI120" s="551"/>
      <c r="AJ120" s="552"/>
      <c r="AK120" s="552"/>
      <c r="AL120" s="552"/>
      <c r="AM120" s="552"/>
      <c r="AN120" s="548"/>
      <c r="AO120" s="548"/>
      <c r="AP120" s="553"/>
      <c r="AQ120" s="553"/>
      <c r="AR120" s="548"/>
      <c r="AS120" s="548"/>
      <c r="AT120" s="552"/>
      <c r="AU120" s="552"/>
      <c r="AV120" s="552"/>
      <c r="AW120" s="552"/>
      <c r="AX120" s="552"/>
      <c r="AY120" s="553"/>
      <c r="AZ120" s="553"/>
      <c r="BA120" s="551"/>
      <c r="BB120" s="42"/>
      <c r="BC120" s="42"/>
      <c r="BD120" s="78"/>
      <c r="BE120" s="78"/>
      <c r="BF120" s="42"/>
      <c r="BG120" s="42"/>
      <c r="BH120" s="42"/>
      <c r="BI120" s="42"/>
      <c r="BJ120" s="42"/>
      <c r="BK120" s="42"/>
      <c r="BL120" s="42"/>
      <c r="BM120" s="42"/>
      <c r="BN120" s="84"/>
      <c r="BO120" s="84"/>
      <c r="BP120" s="84"/>
      <c r="BQ120" s="84"/>
      <c r="BR120" s="84"/>
    </row>
    <row r="121" spans="1:70" ht="15" customHeight="1" x14ac:dyDescent="0.2">
      <c r="A121" s="551"/>
      <c r="B121" s="553"/>
      <c r="C121" s="553"/>
      <c r="D121" s="553"/>
      <c r="E121" s="552"/>
      <c r="F121" s="552"/>
      <c r="G121" s="552"/>
      <c r="H121" s="552"/>
      <c r="I121" s="552"/>
      <c r="J121" s="552"/>
      <c r="K121" s="548"/>
      <c r="L121" s="548"/>
      <c r="M121" s="548"/>
      <c r="N121" s="552"/>
      <c r="O121" s="552"/>
      <c r="P121" s="552"/>
      <c r="Q121" s="551"/>
      <c r="R121" s="554"/>
      <c r="S121" s="554"/>
      <c r="T121" s="554"/>
      <c r="U121" s="554"/>
      <c r="V121" s="554"/>
      <c r="W121" s="554"/>
      <c r="X121" s="548"/>
      <c r="Y121" s="548"/>
      <c r="Z121" s="552"/>
      <c r="AA121" s="552"/>
      <c r="AB121" s="552"/>
      <c r="AC121" s="552"/>
      <c r="AD121" s="552"/>
      <c r="AE121" s="552"/>
      <c r="AF121" s="552"/>
      <c r="AG121" s="552"/>
      <c r="AH121" s="552"/>
      <c r="AI121" s="551"/>
      <c r="AJ121" s="552"/>
      <c r="AK121" s="552"/>
      <c r="AL121" s="552"/>
      <c r="AM121" s="552"/>
      <c r="AN121" s="548"/>
      <c r="AO121" s="548"/>
      <c r="AP121" s="553"/>
      <c r="AQ121" s="553"/>
      <c r="AR121" s="548"/>
      <c r="AS121" s="548"/>
      <c r="AT121" s="552"/>
      <c r="AU121" s="552"/>
      <c r="AV121" s="552"/>
      <c r="AW121" s="552"/>
      <c r="AX121" s="552"/>
      <c r="AY121" s="553"/>
      <c r="AZ121" s="553"/>
      <c r="BA121" s="551"/>
      <c r="BB121" s="42"/>
      <c r="BC121" s="42"/>
      <c r="BD121" s="78"/>
      <c r="BE121" s="78"/>
      <c r="BF121" s="42"/>
      <c r="BG121" s="42"/>
      <c r="BH121" s="42"/>
      <c r="BI121" s="42"/>
      <c r="BJ121" s="42"/>
      <c r="BK121" s="42"/>
      <c r="BL121" s="42"/>
      <c r="BM121" s="42"/>
      <c r="BN121" s="84"/>
      <c r="BO121" s="84"/>
      <c r="BP121" s="84"/>
      <c r="BQ121" s="84"/>
      <c r="BR121" s="84"/>
    </row>
    <row r="122" spans="1:70" ht="15" customHeight="1" x14ac:dyDescent="0.2">
      <c r="A122" s="551"/>
      <c r="B122" s="553"/>
      <c r="C122" s="553"/>
      <c r="D122" s="553"/>
      <c r="E122" s="552"/>
      <c r="F122" s="552"/>
      <c r="G122" s="552"/>
      <c r="H122" s="552"/>
      <c r="I122" s="552"/>
      <c r="J122" s="552"/>
      <c r="K122" s="548"/>
      <c r="L122" s="548"/>
      <c r="M122" s="548"/>
      <c r="N122" s="552"/>
      <c r="O122" s="552"/>
      <c r="P122" s="552"/>
      <c r="Q122" s="551"/>
      <c r="R122" s="554"/>
      <c r="S122" s="554"/>
      <c r="T122" s="554"/>
      <c r="U122" s="554"/>
      <c r="V122" s="554"/>
      <c r="W122" s="554"/>
      <c r="X122" s="548"/>
      <c r="Y122" s="548"/>
      <c r="Z122" s="552"/>
      <c r="AA122" s="552"/>
      <c r="AB122" s="552"/>
      <c r="AC122" s="552"/>
      <c r="AD122" s="552"/>
      <c r="AE122" s="552"/>
      <c r="AF122" s="552"/>
      <c r="AG122" s="552"/>
      <c r="AH122" s="552"/>
      <c r="AI122" s="551"/>
      <c r="AJ122" s="552"/>
      <c r="AK122" s="552"/>
      <c r="AL122" s="552"/>
      <c r="AM122" s="552"/>
      <c r="AN122" s="548"/>
      <c r="AO122" s="548"/>
      <c r="AP122" s="553"/>
      <c r="AQ122" s="553"/>
      <c r="AR122" s="548"/>
      <c r="AS122" s="548"/>
      <c r="AT122" s="552"/>
      <c r="AU122" s="552"/>
      <c r="AV122" s="552"/>
      <c r="AW122" s="552"/>
      <c r="AX122" s="552"/>
      <c r="AY122" s="553"/>
      <c r="AZ122" s="553"/>
      <c r="BA122" s="551"/>
      <c r="BB122" s="42"/>
      <c r="BC122" s="42"/>
      <c r="BD122" s="78"/>
      <c r="BE122" s="78"/>
      <c r="BF122" s="42"/>
      <c r="BG122" s="42"/>
      <c r="BH122" s="42"/>
      <c r="BI122" s="42"/>
      <c r="BJ122" s="42"/>
      <c r="BK122" s="42"/>
      <c r="BL122" s="42"/>
      <c r="BM122" s="42"/>
      <c r="BN122" s="84"/>
      <c r="BO122" s="84"/>
      <c r="BP122" s="84"/>
      <c r="BQ122" s="84"/>
      <c r="BR122" s="84"/>
    </row>
    <row r="123" spans="1:70" ht="15" customHeight="1" x14ac:dyDescent="0.2">
      <c r="A123" s="551"/>
      <c r="B123" s="553"/>
      <c r="C123" s="553"/>
      <c r="D123" s="553"/>
      <c r="E123" s="552"/>
      <c r="F123" s="552"/>
      <c r="G123" s="552"/>
      <c r="H123" s="552"/>
      <c r="I123" s="552"/>
      <c r="J123" s="552"/>
      <c r="K123" s="548"/>
      <c r="L123" s="548"/>
      <c r="M123" s="548"/>
      <c r="N123" s="552"/>
      <c r="O123" s="552"/>
      <c r="P123" s="552"/>
      <c r="Q123" s="551"/>
      <c r="R123" s="554"/>
      <c r="S123" s="554"/>
      <c r="T123" s="554"/>
      <c r="U123" s="554"/>
      <c r="V123" s="554"/>
      <c r="W123" s="554"/>
      <c r="X123" s="548"/>
      <c r="Y123" s="548"/>
      <c r="Z123" s="552"/>
      <c r="AA123" s="552"/>
      <c r="AB123" s="552"/>
      <c r="AC123" s="552"/>
      <c r="AD123" s="552"/>
      <c r="AE123" s="552"/>
      <c r="AF123" s="552"/>
      <c r="AG123" s="552"/>
      <c r="AH123" s="552"/>
      <c r="AI123" s="551"/>
      <c r="AJ123" s="552"/>
      <c r="AK123" s="552"/>
      <c r="AL123" s="552"/>
      <c r="AM123" s="552"/>
      <c r="AN123" s="548"/>
      <c r="AO123" s="548"/>
      <c r="AP123" s="553"/>
      <c r="AQ123" s="553"/>
      <c r="AR123" s="548"/>
      <c r="AS123" s="548"/>
      <c r="AT123" s="552"/>
      <c r="AU123" s="552"/>
      <c r="AV123" s="552"/>
      <c r="AW123" s="552"/>
      <c r="AX123" s="552"/>
      <c r="AY123" s="553"/>
      <c r="AZ123" s="553"/>
      <c r="BA123" s="551"/>
      <c r="BB123" s="42"/>
      <c r="BC123" s="42"/>
      <c r="BD123" s="78"/>
      <c r="BE123" s="78"/>
      <c r="BF123" s="42"/>
      <c r="BG123" s="42"/>
      <c r="BH123" s="42"/>
      <c r="BI123" s="42"/>
      <c r="BJ123" s="42"/>
      <c r="BK123" s="42"/>
      <c r="BL123" s="42"/>
      <c r="BM123" s="42"/>
      <c r="BN123" s="84"/>
      <c r="BO123" s="84"/>
      <c r="BP123" s="84"/>
      <c r="BQ123" s="84"/>
      <c r="BR123" s="84"/>
    </row>
    <row r="124" spans="1:70" ht="15" customHeight="1" x14ac:dyDescent="0.2">
      <c r="A124" s="551"/>
      <c r="B124" s="553"/>
      <c r="C124" s="553"/>
      <c r="D124" s="553"/>
      <c r="E124" s="552"/>
      <c r="F124" s="552"/>
      <c r="G124" s="552"/>
      <c r="H124" s="552"/>
      <c r="I124" s="552"/>
      <c r="J124" s="552"/>
      <c r="K124" s="548"/>
      <c r="L124" s="548"/>
      <c r="M124" s="548"/>
      <c r="N124" s="552"/>
      <c r="O124" s="552"/>
      <c r="P124" s="552"/>
      <c r="Q124" s="551"/>
      <c r="R124" s="554"/>
      <c r="S124" s="554"/>
      <c r="T124" s="554"/>
      <c r="U124" s="554"/>
      <c r="V124" s="554"/>
      <c r="W124" s="554"/>
      <c r="X124" s="548"/>
      <c r="Y124" s="548"/>
      <c r="Z124" s="552"/>
      <c r="AA124" s="552"/>
      <c r="AB124" s="552"/>
      <c r="AC124" s="552"/>
      <c r="AD124" s="552"/>
      <c r="AE124" s="552"/>
      <c r="AF124" s="552"/>
      <c r="AG124" s="552"/>
      <c r="AH124" s="552"/>
      <c r="AI124" s="551"/>
      <c r="AJ124" s="552"/>
      <c r="AK124" s="552"/>
      <c r="AL124" s="552"/>
      <c r="AM124" s="552"/>
      <c r="AN124" s="548"/>
      <c r="AO124" s="548"/>
      <c r="AP124" s="553"/>
      <c r="AQ124" s="553"/>
      <c r="AR124" s="548"/>
      <c r="AS124" s="548"/>
      <c r="AT124" s="552"/>
      <c r="AU124" s="552"/>
      <c r="AV124" s="552"/>
      <c r="AW124" s="552"/>
      <c r="AX124" s="552"/>
      <c r="AY124" s="553"/>
      <c r="AZ124" s="553"/>
      <c r="BA124" s="551"/>
      <c r="BB124" s="42"/>
      <c r="BC124" s="42"/>
      <c r="BD124" s="78"/>
      <c r="BE124" s="78"/>
      <c r="BF124" s="42"/>
      <c r="BG124" s="42"/>
      <c r="BH124" s="42"/>
      <c r="BI124" s="42"/>
      <c r="BJ124" s="42"/>
      <c r="BK124" s="42"/>
      <c r="BL124" s="42"/>
      <c r="BM124" s="42"/>
      <c r="BN124" s="84"/>
      <c r="BO124" s="84"/>
      <c r="BP124" s="84"/>
      <c r="BQ124" s="84"/>
      <c r="BR124" s="84"/>
    </row>
    <row r="125" spans="1:70" ht="15" customHeight="1" x14ac:dyDescent="0.2">
      <c r="A125" s="551"/>
      <c r="B125" s="553"/>
      <c r="C125" s="553"/>
      <c r="D125" s="553"/>
      <c r="E125" s="552"/>
      <c r="F125" s="552"/>
      <c r="G125" s="552"/>
      <c r="H125" s="552"/>
      <c r="I125" s="552"/>
      <c r="J125" s="552"/>
      <c r="K125" s="548"/>
      <c r="L125" s="548"/>
      <c r="M125" s="548"/>
      <c r="N125" s="552"/>
      <c r="O125" s="552"/>
      <c r="P125" s="552"/>
      <c r="Q125" s="551"/>
      <c r="R125" s="554"/>
      <c r="S125" s="554"/>
      <c r="T125" s="554"/>
      <c r="U125" s="554"/>
      <c r="V125" s="554"/>
      <c r="W125" s="554"/>
      <c r="X125" s="548"/>
      <c r="Y125" s="548"/>
      <c r="Z125" s="552"/>
      <c r="AA125" s="552"/>
      <c r="AB125" s="552"/>
      <c r="AC125" s="552"/>
      <c r="AD125" s="552"/>
      <c r="AE125" s="552"/>
      <c r="AF125" s="552"/>
      <c r="AG125" s="552"/>
      <c r="AH125" s="552"/>
      <c r="AI125" s="551"/>
      <c r="AJ125" s="552"/>
      <c r="AK125" s="552"/>
      <c r="AL125" s="552"/>
      <c r="AM125" s="552"/>
      <c r="AN125" s="548"/>
      <c r="AO125" s="548"/>
      <c r="AP125" s="553"/>
      <c r="AQ125" s="553"/>
      <c r="AR125" s="548"/>
      <c r="AS125" s="548"/>
      <c r="AT125" s="552"/>
      <c r="AU125" s="552"/>
      <c r="AV125" s="552"/>
      <c r="AW125" s="552"/>
      <c r="AX125" s="552"/>
      <c r="AY125" s="553"/>
      <c r="AZ125" s="553"/>
      <c r="BA125" s="551"/>
      <c r="BB125" s="42"/>
      <c r="BC125" s="42"/>
      <c r="BD125" s="78"/>
      <c r="BE125" s="78"/>
      <c r="BF125" s="42"/>
      <c r="BG125" s="42"/>
      <c r="BH125" s="42"/>
      <c r="BI125" s="42"/>
      <c r="BJ125" s="42"/>
      <c r="BK125" s="42"/>
      <c r="BL125" s="42"/>
      <c r="BM125" s="42"/>
      <c r="BN125" s="84"/>
      <c r="BO125" s="84"/>
      <c r="BP125" s="84"/>
      <c r="BQ125" s="84"/>
      <c r="BR125" s="84"/>
    </row>
    <row r="126" spans="1:70" ht="15" customHeight="1" x14ac:dyDescent="0.2">
      <c r="A126" s="551"/>
      <c r="B126" s="553"/>
      <c r="C126" s="553"/>
      <c r="D126" s="553"/>
      <c r="E126" s="552"/>
      <c r="F126" s="552"/>
      <c r="G126" s="552"/>
      <c r="H126" s="552"/>
      <c r="I126" s="552"/>
      <c r="J126" s="552"/>
      <c r="K126" s="548"/>
      <c r="L126" s="548"/>
      <c r="M126" s="548"/>
      <c r="N126" s="565"/>
      <c r="O126" s="552"/>
      <c r="P126" s="552"/>
      <c r="Q126" s="551"/>
      <c r="R126" s="554"/>
      <c r="S126" s="554"/>
      <c r="T126" s="554"/>
      <c r="U126" s="554"/>
      <c r="V126" s="554"/>
      <c r="W126" s="554"/>
      <c r="X126" s="548"/>
      <c r="Y126" s="548"/>
      <c r="Z126" s="552"/>
      <c r="AA126" s="552"/>
      <c r="AB126" s="552"/>
      <c r="AC126" s="552"/>
      <c r="AD126" s="552"/>
      <c r="AE126" s="552"/>
      <c r="AF126" s="552"/>
      <c r="AG126" s="552"/>
      <c r="AH126" s="552"/>
      <c r="AI126" s="551"/>
      <c r="AJ126" s="552"/>
      <c r="AK126" s="552"/>
      <c r="AL126" s="552"/>
      <c r="AM126" s="552"/>
      <c r="AN126" s="548"/>
      <c r="AO126" s="548"/>
      <c r="AP126" s="553"/>
      <c r="AQ126" s="553"/>
      <c r="AR126" s="548"/>
      <c r="AS126" s="548"/>
      <c r="AT126" s="552"/>
      <c r="AU126" s="552"/>
      <c r="AV126" s="552"/>
      <c r="AW126" s="552"/>
      <c r="AX126" s="552"/>
      <c r="AY126" s="553"/>
      <c r="AZ126" s="553"/>
      <c r="BA126" s="551"/>
      <c r="BB126" s="42"/>
      <c r="BC126" s="42"/>
      <c r="BD126" s="78"/>
      <c r="BE126" s="78"/>
      <c r="BF126" s="42"/>
      <c r="BG126" s="42"/>
      <c r="BH126" s="42"/>
      <c r="BI126" s="42"/>
      <c r="BJ126" s="42"/>
      <c r="BK126" s="42"/>
      <c r="BL126" s="42"/>
      <c r="BM126" s="42"/>
      <c r="BN126" s="84"/>
      <c r="BO126" s="84"/>
      <c r="BP126" s="84"/>
      <c r="BQ126" s="84"/>
      <c r="BR126" s="84"/>
    </row>
    <row r="129" spans="1:70" x14ac:dyDescent="0.15">
      <c r="Y129" s="40"/>
      <c r="Z129" s="40"/>
    </row>
    <row r="130" spans="1:70" ht="11.25" customHeight="1" x14ac:dyDescent="0.15">
      <c r="B130" s="753"/>
      <c r="C130" s="753"/>
      <c r="D130" s="753"/>
      <c r="E130" s="753"/>
      <c r="F130" s="753"/>
      <c r="G130" s="753"/>
      <c r="H130" s="753"/>
      <c r="I130" s="753"/>
      <c r="J130" s="753"/>
      <c r="K130" s="753"/>
      <c r="L130" s="753"/>
      <c r="M130" s="753"/>
      <c r="N130" s="753"/>
      <c r="O130" s="753"/>
      <c r="P130" s="753"/>
      <c r="Q130" s="753"/>
      <c r="R130" s="753"/>
      <c r="S130" s="753"/>
      <c r="T130" s="753"/>
      <c r="U130" s="806"/>
      <c r="V130" s="806"/>
      <c r="W130" s="806"/>
      <c r="X130" s="806"/>
      <c r="Y130" s="806"/>
      <c r="Z130" s="537"/>
      <c r="AA130" s="537"/>
      <c r="AB130" s="537"/>
      <c r="AC130" s="537"/>
      <c r="AD130" s="537"/>
      <c r="AE130" s="537"/>
      <c r="AF130" s="537"/>
      <c r="AG130" s="537"/>
      <c r="AH130" s="537"/>
      <c r="AI130" s="537"/>
      <c r="AJ130" s="537"/>
      <c r="AK130" s="537"/>
      <c r="AL130" s="537"/>
      <c r="AM130" s="537"/>
      <c r="AN130" s="537"/>
      <c r="AO130" s="537"/>
      <c r="AP130" s="537"/>
      <c r="AQ130" s="537"/>
      <c r="AR130" s="752"/>
      <c r="AS130" s="752"/>
      <c r="AT130" s="538"/>
      <c r="AU130" s="539"/>
      <c r="AV130" s="539"/>
      <c r="AW130" s="752"/>
      <c r="AX130" s="752"/>
      <c r="AY130" s="83"/>
      <c r="AZ130" s="83"/>
      <c r="BA130" s="83"/>
      <c r="BB130" s="539"/>
      <c r="BC130" s="538"/>
      <c r="BD130" s="539"/>
      <c r="BE130" s="539"/>
      <c r="BF130" s="539"/>
      <c r="BG130" s="539"/>
      <c r="BH130" s="539"/>
      <c r="BI130" s="539"/>
      <c r="BJ130" s="539"/>
      <c r="BK130" s="539"/>
      <c r="BL130" s="538"/>
      <c r="BM130" s="539"/>
      <c r="BN130" s="539"/>
      <c r="BO130" s="539"/>
      <c r="BP130" s="752"/>
      <c r="BQ130" s="752"/>
      <c r="BR130" s="83"/>
    </row>
    <row r="131" spans="1:70" ht="11.25" customHeight="1" x14ac:dyDescent="0.15">
      <c r="A131" s="78"/>
      <c r="B131" s="539"/>
      <c r="C131" s="539"/>
      <c r="D131" s="538"/>
      <c r="E131" s="539"/>
      <c r="F131" s="539"/>
      <c r="G131" s="539"/>
      <c r="H131" s="539"/>
      <c r="I131" s="539"/>
      <c r="J131" s="538"/>
      <c r="K131" s="539"/>
      <c r="L131" s="539"/>
      <c r="M131" s="539"/>
      <c r="N131" s="806"/>
      <c r="O131" s="806"/>
      <c r="P131" s="806"/>
      <c r="Q131" s="78"/>
      <c r="R131" s="753"/>
      <c r="S131" s="753"/>
      <c r="T131" s="753"/>
      <c r="U131" s="753"/>
      <c r="V131" s="753"/>
      <c r="W131" s="753"/>
      <c r="X131" s="753"/>
      <c r="Y131" s="753"/>
      <c r="Z131" s="752"/>
      <c r="AA131" s="539"/>
      <c r="AB131" s="539"/>
      <c r="AC131" s="539"/>
      <c r="AD131" s="539"/>
      <c r="AE131" s="539"/>
      <c r="AF131" s="539"/>
      <c r="AG131" s="539"/>
      <c r="AH131" s="539"/>
      <c r="AI131" s="539"/>
      <c r="AJ131" s="539"/>
      <c r="AK131" s="539"/>
      <c r="AL131" s="539"/>
      <c r="AM131" s="539"/>
      <c r="AN131" s="539"/>
      <c r="AO131" s="539"/>
      <c r="AP131" s="83"/>
      <c r="AQ131" s="83"/>
      <c r="AR131" s="752"/>
      <c r="AS131" s="752"/>
      <c r="AT131" s="804"/>
      <c r="AU131" s="78"/>
      <c r="AV131" s="538"/>
      <c r="AW131" s="752"/>
      <c r="AX131" s="752"/>
      <c r="AY131" s="83"/>
      <c r="AZ131" s="83"/>
      <c r="BA131" s="83"/>
      <c r="BB131" s="752"/>
      <c r="BC131" s="752"/>
      <c r="BD131" s="752"/>
      <c r="BE131" s="752"/>
      <c r="BF131" s="752"/>
      <c r="BG131" s="752"/>
      <c r="BH131" s="83"/>
      <c r="BI131" s="83"/>
      <c r="BJ131" s="83"/>
      <c r="BK131" s="83"/>
      <c r="BL131" s="752"/>
      <c r="BM131" s="752"/>
      <c r="BN131" s="752"/>
      <c r="BO131" s="752"/>
      <c r="BP131" s="752"/>
      <c r="BQ131" s="752"/>
      <c r="BR131" s="83"/>
    </row>
    <row r="132" spans="1:70" ht="11.25" customHeight="1" x14ac:dyDescent="0.15">
      <c r="A132" s="78"/>
      <c r="C132" s="78"/>
      <c r="F132" s="78"/>
      <c r="I132" s="78"/>
      <c r="L132" s="78"/>
      <c r="N132" s="806"/>
      <c r="O132" s="806"/>
      <c r="P132" s="806"/>
      <c r="Q132" s="78"/>
      <c r="R132" s="753"/>
      <c r="S132" s="753"/>
      <c r="T132" s="753"/>
      <c r="U132" s="753"/>
      <c r="V132" s="753"/>
      <c r="W132" s="753"/>
      <c r="X132" s="753"/>
      <c r="Y132" s="753"/>
      <c r="Z132" s="752"/>
      <c r="AA132" s="538"/>
      <c r="AB132" s="539"/>
      <c r="AC132" s="539"/>
      <c r="AD132" s="539"/>
      <c r="AE132" s="539"/>
      <c r="AF132" s="539"/>
      <c r="AG132" s="539"/>
      <c r="AH132" s="539"/>
      <c r="AI132" s="539"/>
      <c r="AJ132" s="539"/>
      <c r="AK132" s="539"/>
      <c r="AL132" s="538"/>
      <c r="AM132" s="539"/>
      <c r="AN132" s="538"/>
      <c r="AO132" s="539"/>
      <c r="AP132" s="83"/>
      <c r="AQ132" s="83"/>
      <c r="AR132" s="752"/>
      <c r="AS132" s="752"/>
      <c r="AT132" s="804"/>
      <c r="AU132" s="540"/>
      <c r="AV132" s="752"/>
      <c r="AW132" s="752"/>
      <c r="AX132" s="752"/>
      <c r="AY132" s="83"/>
      <c r="AZ132" s="83"/>
      <c r="BA132" s="83"/>
      <c r="BB132" s="752"/>
      <c r="BC132" s="752"/>
      <c r="BD132" s="752"/>
      <c r="BE132" s="752"/>
      <c r="BF132" s="752"/>
      <c r="BG132" s="752"/>
      <c r="BH132" s="83"/>
      <c r="BI132" s="83"/>
      <c r="BJ132" s="83"/>
      <c r="BK132" s="83"/>
      <c r="BL132" s="752"/>
      <c r="BM132" s="752"/>
      <c r="BN132" s="752"/>
      <c r="BO132" s="752"/>
      <c r="BP132" s="752"/>
      <c r="BQ132" s="752"/>
      <c r="BR132" s="83"/>
    </row>
    <row r="133" spans="1:70" ht="11.25" customHeight="1" x14ac:dyDescent="0.15">
      <c r="A133" s="540"/>
      <c r="B133" s="78"/>
      <c r="C133" s="78"/>
      <c r="D133" s="78"/>
      <c r="E133" s="78"/>
      <c r="F133" s="78"/>
      <c r="G133" s="78"/>
      <c r="H133" s="78"/>
      <c r="I133" s="78"/>
      <c r="J133" s="78"/>
      <c r="K133" s="78"/>
      <c r="L133" s="78"/>
      <c r="M133" s="78"/>
      <c r="N133" s="78"/>
      <c r="O133" s="78"/>
      <c r="P133" s="78"/>
      <c r="Q133" s="540"/>
      <c r="R133" s="78"/>
      <c r="S133" s="78"/>
      <c r="T133" s="78"/>
      <c r="U133" s="78"/>
      <c r="V133" s="78"/>
      <c r="W133" s="78"/>
      <c r="X133" s="78"/>
      <c r="Y133" s="78"/>
      <c r="Z133" s="752"/>
      <c r="AA133" s="78"/>
      <c r="AB133" s="78"/>
      <c r="AC133" s="78"/>
      <c r="AD133" s="78"/>
      <c r="AE133" s="78"/>
      <c r="AF133" s="78"/>
      <c r="AG133" s="78"/>
      <c r="AH133" s="78"/>
      <c r="AI133" s="78"/>
      <c r="AJ133" s="78"/>
      <c r="AK133" s="78"/>
      <c r="AL133" s="78"/>
      <c r="AM133" s="78"/>
      <c r="AN133" s="78"/>
      <c r="AO133" s="78"/>
      <c r="AP133" s="78"/>
      <c r="AQ133" s="78"/>
      <c r="AR133" s="78"/>
      <c r="AS133" s="78"/>
      <c r="AT133" s="804"/>
      <c r="AV133" s="752"/>
      <c r="AW133" s="78"/>
      <c r="AX133" s="78"/>
      <c r="AY133" s="78"/>
      <c r="AZ133" s="78"/>
      <c r="BA133" s="78"/>
      <c r="BB133" s="78"/>
      <c r="BC133" s="78"/>
      <c r="BD133" s="78"/>
      <c r="BE133" s="78"/>
      <c r="BF133" s="78"/>
      <c r="BG133" s="78"/>
      <c r="BH133" s="78"/>
      <c r="BI133" s="78"/>
      <c r="BJ133" s="78"/>
      <c r="BK133" s="78"/>
      <c r="BL133" s="78"/>
      <c r="BM133" s="78"/>
      <c r="BN133" s="78"/>
      <c r="BO133" s="78"/>
      <c r="BP133" s="78"/>
      <c r="BQ133" s="78"/>
      <c r="BR133" s="78"/>
    </row>
    <row r="134" spans="1:70" ht="11.25" customHeight="1" x14ac:dyDescent="0.15">
      <c r="A134" s="540"/>
      <c r="B134" s="78"/>
      <c r="C134" s="78"/>
      <c r="D134" s="78"/>
      <c r="E134" s="78"/>
      <c r="F134" s="78"/>
      <c r="G134" s="78"/>
      <c r="H134" s="78"/>
      <c r="I134" s="78"/>
      <c r="J134" s="78"/>
      <c r="K134" s="753"/>
      <c r="L134" s="753"/>
      <c r="M134" s="753"/>
      <c r="N134" s="78"/>
      <c r="O134" s="78"/>
      <c r="P134" s="78"/>
      <c r="Q134" s="540"/>
      <c r="R134" s="78"/>
      <c r="S134" s="78"/>
      <c r="T134" s="78"/>
      <c r="U134" s="78"/>
      <c r="V134" s="78"/>
      <c r="W134" s="78"/>
      <c r="X134" s="753"/>
      <c r="Y134" s="753"/>
      <c r="Z134" s="752"/>
      <c r="AA134" s="752"/>
      <c r="AB134" s="752"/>
      <c r="AC134" s="752"/>
      <c r="AD134" s="752"/>
      <c r="AE134" s="752"/>
      <c r="AF134" s="752"/>
      <c r="AG134" s="752"/>
      <c r="AH134" s="752"/>
      <c r="AI134" s="753"/>
      <c r="AJ134" s="753"/>
      <c r="AK134" s="753"/>
      <c r="AL134" s="753"/>
      <c r="AM134" s="753"/>
      <c r="AN134" s="753"/>
      <c r="AO134" s="753"/>
      <c r="AP134" s="753"/>
      <c r="AQ134" s="753"/>
      <c r="AR134" s="753"/>
      <c r="AS134" s="753"/>
      <c r="AT134" s="804"/>
      <c r="AU134" s="804"/>
      <c r="AV134" s="804"/>
      <c r="AW134" s="804"/>
      <c r="AX134" s="804"/>
      <c r="AY134" s="804"/>
      <c r="AZ134" s="804"/>
      <c r="BA134" s="753"/>
      <c r="BB134" s="753"/>
      <c r="BC134" s="753"/>
      <c r="BD134" s="753"/>
      <c r="BE134" s="753"/>
      <c r="BF134" s="753"/>
      <c r="BG134" s="753"/>
      <c r="BH134" s="753"/>
      <c r="BI134" s="753"/>
      <c r="BJ134" s="753"/>
      <c r="BK134" s="753"/>
      <c r="BL134" s="753"/>
      <c r="BM134" s="753"/>
      <c r="BN134" s="753"/>
      <c r="BO134" s="753"/>
      <c r="BP134" s="753"/>
      <c r="BQ134" s="753"/>
      <c r="BR134" s="78"/>
    </row>
    <row r="135" spans="1:70" ht="15" customHeight="1" x14ac:dyDescent="0.2">
      <c r="A135" s="543"/>
      <c r="B135" s="547"/>
      <c r="C135" s="547"/>
      <c r="D135" s="547"/>
      <c r="E135" s="547"/>
      <c r="F135" s="547"/>
      <c r="G135" s="547"/>
      <c r="H135" s="547"/>
      <c r="I135" s="547"/>
      <c r="J135" s="547"/>
      <c r="K135" s="548"/>
      <c r="L135" s="548"/>
      <c r="M135" s="548"/>
      <c r="N135" s="547"/>
      <c r="O135" s="547"/>
      <c r="P135" s="547"/>
      <c r="Q135" s="543"/>
      <c r="R135" s="547"/>
      <c r="S135" s="547"/>
      <c r="T135" s="547"/>
      <c r="U135" s="547"/>
      <c r="V135" s="547"/>
      <c r="W135" s="547"/>
      <c r="X135" s="548"/>
      <c r="Y135" s="548"/>
      <c r="Z135" s="566"/>
      <c r="AA135" s="42"/>
      <c r="AB135" s="42"/>
      <c r="AC135" s="42"/>
      <c r="AD135" s="42"/>
      <c r="AE135" s="42"/>
      <c r="AF135" s="42"/>
      <c r="AG135" s="42"/>
      <c r="AH135" s="42"/>
      <c r="AI135" s="543"/>
      <c r="AJ135" s="42"/>
      <c r="AK135" s="42"/>
      <c r="AL135" s="42"/>
      <c r="AM135" s="42"/>
      <c r="AN135" s="84"/>
      <c r="AO135" s="84"/>
      <c r="AP135" s="42"/>
      <c r="AQ135" s="42"/>
      <c r="AR135" s="548"/>
      <c r="AS135" s="548"/>
      <c r="AV135" s="42"/>
      <c r="AW135" s="42"/>
      <c r="AX135" s="42"/>
      <c r="AY135" s="42"/>
      <c r="AZ135" s="42"/>
      <c r="BA135" s="540"/>
      <c r="BB135" s="42"/>
      <c r="BC135" s="42"/>
      <c r="BD135" s="78"/>
      <c r="BE135" s="78"/>
      <c r="BF135" s="42"/>
      <c r="BG135" s="42"/>
      <c r="BH135" s="42"/>
      <c r="BI135" s="42"/>
      <c r="BJ135" s="42"/>
      <c r="BK135" s="42"/>
      <c r="BL135" s="42"/>
      <c r="BM135" s="42"/>
      <c r="BN135" s="42"/>
      <c r="BO135" s="42"/>
      <c r="BP135" s="84"/>
      <c r="BQ135" s="84"/>
      <c r="BR135" s="84"/>
    </row>
    <row r="136" spans="1:70" ht="15" customHeight="1" x14ac:dyDescent="0.2">
      <c r="A136" s="551"/>
      <c r="B136" s="552"/>
      <c r="C136" s="552"/>
      <c r="D136" s="552"/>
      <c r="E136" s="552"/>
      <c r="F136" s="552"/>
      <c r="G136" s="552"/>
      <c r="H136" s="552"/>
      <c r="I136" s="552"/>
      <c r="J136" s="552"/>
      <c r="K136" s="548"/>
      <c r="L136" s="548"/>
      <c r="M136" s="548"/>
      <c r="N136" s="552"/>
      <c r="O136" s="552"/>
      <c r="P136" s="552"/>
      <c r="Q136" s="551"/>
      <c r="R136" s="554"/>
      <c r="S136" s="554"/>
      <c r="T136" s="554"/>
      <c r="U136" s="554"/>
      <c r="V136" s="554"/>
      <c r="W136" s="554"/>
      <c r="X136" s="548"/>
      <c r="Y136" s="548"/>
      <c r="Z136" s="42"/>
      <c r="AA136" s="42"/>
      <c r="AB136" s="42"/>
      <c r="AC136" s="42"/>
      <c r="AD136" s="42"/>
      <c r="AE136" s="42"/>
      <c r="AF136" s="42"/>
      <c r="AG136" s="42"/>
      <c r="AH136" s="42"/>
      <c r="AI136" s="551"/>
      <c r="AJ136" s="42"/>
      <c r="AK136" s="42"/>
      <c r="AL136" s="42"/>
      <c r="AM136" s="42"/>
      <c r="AN136" s="84"/>
      <c r="AO136" s="84"/>
      <c r="AP136" s="42"/>
      <c r="AQ136" s="42"/>
      <c r="AR136" s="548"/>
      <c r="AS136" s="548"/>
      <c r="AT136" s="42"/>
      <c r="AU136" s="42"/>
      <c r="AV136" s="42"/>
      <c r="AW136" s="42"/>
      <c r="AX136" s="42"/>
      <c r="AY136" s="42"/>
      <c r="AZ136" s="42"/>
      <c r="BA136" s="76"/>
      <c r="BB136" s="42"/>
      <c r="BC136" s="42"/>
      <c r="BD136" s="78"/>
      <c r="BE136" s="78"/>
      <c r="BF136" s="42"/>
      <c r="BG136" s="42"/>
      <c r="BH136" s="42"/>
      <c r="BI136" s="42"/>
      <c r="BJ136" s="42"/>
      <c r="BK136" s="42"/>
      <c r="BL136" s="42"/>
      <c r="BM136" s="42"/>
      <c r="BN136" s="42"/>
      <c r="BO136" s="42"/>
      <c r="BP136" s="84"/>
      <c r="BQ136" s="84"/>
      <c r="BR136" s="84"/>
    </row>
    <row r="137" spans="1:70" ht="15" customHeight="1" x14ac:dyDescent="0.2">
      <c r="A137" s="551"/>
      <c r="B137" s="552"/>
      <c r="C137" s="552"/>
      <c r="D137" s="552"/>
      <c r="E137" s="552"/>
      <c r="F137" s="552"/>
      <c r="G137" s="552"/>
      <c r="H137" s="552"/>
      <c r="I137" s="552"/>
      <c r="J137" s="552"/>
      <c r="K137" s="548"/>
      <c r="L137" s="548"/>
      <c r="M137" s="548"/>
      <c r="N137" s="552"/>
      <c r="O137" s="552"/>
      <c r="P137" s="552"/>
      <c r="Q137" s="551"/>
      <c r="R137" s="554"/>
      <c r="S137" s="554"/>
      <c r="T137" s="554"/>
      <c r="U137" s="554"/>
      <c r="V137" s="554"/>
      <c r="W137" s="554"/>
      <c r="X137" s="548"/>
      <c r="Y137" s="548"/>
      <c r="Z137" s="42"/>
      <c r="AA137" s="42"/>
      <c r="AB137" s="42"/>
      <c r="AC137" s="42"/>
      <c r="AD137" s="42"/>
      <c r="AE137" s="42"/>
      <c r="AF137" s="42"/>
      <c r="AG137" s="42"/>
      <c r="AH137" s="42"/>
      <c r="AI137" s="551"/>
      <c r="AJ137" s="42"/>
      <c r="AK137" s="42"/>
      <c r="AL137" s="42"/>
      <c r="AM137" s="42"/>
      <c r="AN137" s="84"/>
      <c r="AO137" s="84"/>
      <c r="AP137" s="42"/>
      <c r="AQ137" s="42"/>
      <c r="AR137" s="548"/>
      <c r="AS137" s="548"/>
      <c r="AT137" s="42"/>
      <c r="AU137" s="42"/>
      <c r="AV137" s="42"/>
      <c r="AW137" s="42"/>
      <c r="AX137" s="42"/>
      <c r="AY137" s="42"/>
      <c r="AZ137" s="42"/>
      <c r="BA137" s="76"/>
      <c r="BB137" s="42"/>
      <c r="BC137" s="42"/>
      <c r="BD137" s="78"/>
      <c r="BE137" s="78"/>
      <c r="BF137" s="42"/>
      <c r="BG137" s="42"/>
      <c r="BH137" s="42"/>
      <c r="BI137" s="42"/>
      <c r="BJ137" s="42"/>
      <c r="BK137" s="42"/>
      <c r="BL137" s="42"/>
      <c r="BM137" s="42"/>
      <c r="BN137" s="42"/>
      <c r="BO137" s="42"/>
      <c r="BP137" s="84"/>
      <c r="BQ137" s="84"/>
      <c r="BR137" s="84"/>
    </row>
    <row r="138" spans="1:70" ht="15" customHeight="1" x14ac:dyDescent="0.2">
      <c r="A138" s="551"/>
      <c r="B138" s="552"/>
      <c r="C138" s="552"/>
      <c r="D138" s="552"/>
      <c r="E138" s="552"/>
      <c r="F138" s="552"/>
      <c r="G138" s="552"/>
      <c r="H138" s="552"/>
      <c r="I138" s="552"/>
      <c r="J138" s="552"/>
      <c r="K138" s="548"/>
      <c r="L138" s="548"/>
      <c r="M138" s="548"/>
      <c r="N138" s="552"/>
      <c r="O138" s="552"/>
      <c r="P138" s="552"/>
      <c r="Q138" s="551"/>
      <c r="R138" s="554"/>
      <c r="S138" s="554"/>
      <c r="T138" s="554"/>
      <c r="U138" s="554"/>
      <c r="V138" s="554"/>
      <c r="W138" s="554"/>
      <c r="X138" s="548"/>
      <c r="Y138" s="548"/>
      <c r="Z138" s="42"/>
      <c r="AA138" s="42"/>
      <c r="AB138" s="42"/>
      <c r="AC138" s="42"/>
      <c r="AD138" s="42"/>
      <c r="AE138" s="42"/>
      <c r="AF138" s="42"/>
      <c r="AG138" s="42"/>
      <c r="AH138" s="42"/>
      <c r="AI138" s="551"/>
      <c r="AJ138" s="42"/>
      <c r="AK138" s="42"/>
      <c r="AL138" s="42"/>
      <c r="AM138" s="42"/>
      <c r="AN138" s="84"/>
      <c r="AO138" s="84"/>
      <c r="AP138" s="42"/>
      <c r="AQ138" s="42"/>
      <c r="AR138" s="548"/>
      <c r="AS138" s="548"/>
      <c r="AT138" s="42"/>
      <c r="AU138" s="42"/>
      <c r="AV138" s="42"/>
      <c r="AW138" s="42"/>
      <c r="AX138" s="42"/>
      <c r="AY138" s="42"/>
      <c r="AZ138" s="42"/>
      <c r="BA138" s="76"/>
      <c r="BB138" s="42"/>
      <c r="BC138" s="42"/>
      <c r="BD138" s="78"/>
      <c r="BE138" s="78"/>
      <c r="BF138" s="42"/>
      <c r="BG138" s="42"/>
      <c r="BH138" s="42"/>
      <c r="BI138" s="42"/>
      <c r="BJ138" s="42"/>
      <c r="BK138" s="42"/>
      <c r="BL138" s="42"/>
      <c r="BM138" s="42"/>
      <c r="BN138" s="42"/>
      <c r="BO138" s="42"/>
      <c r="BP138" s="84"/>
      <c r="BQ138" s="84"/>
      <c r="BR138" s="84"/>
    </row>
    <row r="139" spans="1:70" ht="15" customHeight="1" x14ac:dyDescent="0.2">
      <c r="A139" s="551"/>
      <c r="B139" s="552"/>
      <c r="C139" s="552"/>
      <c r="D139" s="552"/>
      <c r="E139" s="552"/>
      <c r="F139" s="552"/>
      <c r="G139" s="552"/>
      <c r="H139" s="552"/>
      <c r="I139" s="552"/>
      <c r="J139" s="552"/>
      <c r="K139" s="548"/>
      <c r="L139" s="548"/>
      <c r="M139" s="548"/>
      <c r="N139" s="552"/>
      <c r="O139" s="552"/>
      <c r="P139" s="552"/>
      <c r="Q139" s="551"/>
      <c r="R139" s="554"/>
      <c r="S139" s="554"/>
      <c r="T139" s="554"/>
      <c r="U139" s="554"/>
      <c r="V139" s="554"/>
      <c r="W139" s="554"/>
      <c r="X139" s="548"/>
      <c r="Y139" s="548"/>
      <c r="Z139" s="42"/>
      <c r="AA139" s="42"/>
      <c r="AB139" s="42"/>
      <c r="AC139" s="42"/>
      <c r="AD139" s="42"/>
      <c r="AE139" s="42"/>
      <c r="AF139" s="42"/>
      <c r="AG139" s="42"/>
      <c r="AH139" s="42"/>
      <c r="AI139" s="551"/>
      <c r="AJ139" s="42"/>
      <c r="AK139" s="42"/>
      <c r="AL139" s="42"/>
      <c r="AM139" s="42"/>
      <c r="AN139" s="84"/>
      <c r="AO139" s="84"/>
      <c r="AP139" s="42"/>
      <c r="AQ139" s="42"/>
      <c r="AR139" s="548"/>
      <c r="AS139" s="548"/>
      <c r="AT139" s="42"/>
      <c r="AU139" s="42"/>
      <c r="AV139" s="42"/>
      <c r="AW139" s="42"/>
      <c r="AX139" s="42"/>
      <c r="AY139" s="42"/>
      <c r="AZ139" s="42"/>
      <c r="BA139" s="76"/>
      <c r="BB139" s="42"/>
      <c r="BC139" s="42"/>
      <c r="BD139" s="78"/>
      <c r="BE139" s="78"/>
      <c r="BF139" s="42"/>
      <c r="BG139" s="42"/>
      <c r="BH139" s="42"/>
      <c r="BI139" s="42"/>
      <c r="BJ139" s="42"/>
      <c r="BK139" s="42"/>
      <c r="BL139" s="42"/>
      <c r="BM139" s="42"/>
      <c r="BN139" s="42"/>
      <c r="BO139" s="42"/>
      <c r="BP139" s="84"/>
      <c r="BQ139" s="84"/>
      <c r="BR139" s="84"/>
    </row>
    <row r="140" spans="1:70" ht="15" customHeight="1" x14ac:dyDescent="0.2">
      <c r="A140" s="551"/>
      <c r="B140" s="552"/>
      <c r="C140" s="552"/>
      <c r="D140" s="552"/>
      <c r="E140" s="552"/>
      <c r="F140" s="552"/>
      <c r="G140" s="552"/>
      <c r="H140" s="552"/>
      <c r="I140" s="552"/>
      <c r="J140" s="552"/>
      <c r="K140" s="548"/>
      <c r="L140" s="548"/>
      <c r="M140" s="548"/>
      <c r="N140" s="552"/>
      <c r="O140" s="552"/>
      <c r="P140" s="552"/>
      <c r="Q140" s="551"/>
      <c r="R140" s="554"/>
      <c r="S140" s="554"/>
      <c r="T140" s="554"/>
      <c r="U140" s="554"/>
      <c r="V140" s="554"/>
      <c r="W140" s="554"/>
      <c r="X140" s="548"/>
      <c r="Y140" s="548"/>
      <c r="Z140" s="42"/>
      <c r="AA140" s="42"/>
      <c r="AB140" s="42"/>
      <c r="AC140" s="42"/>
      <c r="AD140" s="42"/>
      <c r="AE140" s="42"/>
      <c r="AF140" s="42"/>
      <c r="AG140" s="42"/>
      <c r="AH140" s="42"/>
      <c r="AI140" s="551"/>
      <c r="AJ140" s="42"/>
      <c r="AK140" s="42"/>
      <c r="AL140" s="42"/>
      <c r="AM140" s="42"/>
      <c r="AN140" s="84"/>
      <c r="AO140" s="84"/>
      <c r="AP140" s="42"/>
      <c r="AQ140" s="42"/>
      <c r="AR140" s="548"/>
      <c r="AS140" s="548"/>
      <c r="AT140" s="42"/>
      <c r="AU140" s="42"/>
      <c r="AV140" s="42"/>
      <c r="AW140" s="42"/>
      <c r="AX140" s="42"/>
      <c r="AY140" s="42"/>
      <c r="AZ140" s="42"/>
      <c r="BA140" s="76"/>
      <c r="BB140" s="42"/>
      <c r="BC140" s="42"/>
      <c r="BD140" s="78"/>
      <c r="BE140" s="78"/>
      <c r="BF140" s="42"/>
      <c r="BG140" s="42"/>
      <c r="BH140" s="42"/>
      <c r="BI140" s="42"/>
      <c r="BJ140" s="42"/>
      <c r="BK140" s="42"/>
      <c r="BL140" s="42"/>
      <c r="BM140" s="42"/>
      <c r="BN140" s="42"/>
      <c r="BO140" s="42"/>
      <c r="BP140" s="84"/>
      <c r="BQ140" s="84"/>
      <c r="BR140" s="84"/>
    </row>
    <row r="141" spans="1:70" ht="15" customHeight="1" x14ac:dyDescent="0.2">
      <c r="A141" s="551"/>
      <c r="B141" s="552"/>
      <c r="C141" s="552"/>
      <c r="D141" s="552"/>
      <c r="E141" s="552"/>
      <c r="F141" s="552"/>
      <c r="G141" s="552"/>
      <c r="H141" s="552"/>
      <c r="I141" s="552"/>
      <c r="J141" s="552"/>
      <c r="K141" s="548"/>
      <c r="L141" s="548"/>
      <c r="M141" s="548"/>
      <c r="N141" s="552"/>
      <c r="O141" s="552"/>
      <c r="P141" s="552"/>
      <c r="Q141" s="551"/>
      <c r="R141" s="554"/>
      <c r="S141" s="554"/>
      <c r="T141" s="554"/>
      <c r="U141" s="554"/>
      <c r="V141" s="554"/>
      <c r="W141" s="554"/>
      <c r="X141" s="548"/>
      <c r="Y141" s="548"/>
      <c r="Z141" s="42"/>
      <c r="AA141" s="42"/>
      <c r="AB141" s="42"/>
      <c r="AC141" s="42"/>
      <c r="AD141" s="42"/>
      <c r="AE141" s="42"/>
      <c r="AF141" s="42"/>
      <c r="AG141" s="42"/>
      <c r="AH141" s="42"/>
      <c r="AI141" s="551"/>
      <c r="AJ141" s="42"/>
      <c r="AK141" s="42"/>
      <c r="AL141" s="42"/>
      <c r="AM141" s="42"/>
      <c r="AN141" s="84"/>
      <c r="AO141" s="84"/>
      <c r="AP141" s="42"/>
      <c r="AQ141" s="42"/>
      <c r="AR141" s="548"/>
      <c r="AS141" s="548"/>
      <c r="AT141" s="42"/>
      <c r="AU141" s="42"/>
      <c r="AV141" s="42"/>
      <c r="AW141" s="42"/>
      <c r="AX141" s="42"/>
      <c r="AY141" s="42"/>
      <c r="AZ141" s="42"/>
      <c r="BA141" s="76"/>
      <c r="BB141" s="42"/>
      <c r="BC141" s="42"/>
      <c r="BD141" s="78"/>
      <c r="BE141" s="78"/>
      <c r="BF141" s="42"/>
      <c r="BG141" s="42"/>
      <c r="BH141" s="42"/>
      <c r="BI141" s="42"/>
      <c r="BJ141" s="42"/>
      <c r="BK141" s="42"/>
      <c r="BL141" s="42"/>
      <c r="BM141" s="42"/>
      <c r="BN141" s="42"/>
      <c r="BO141" s="42"/>
      <c r="BP141" s="84"/>
      <c r="BQ141" s="84"/>
      <c r="BR141" s="84"/>
    </row>
    <row r="142" spans="1:70" ht="15" customHeight="1" x14ac:dyDescent="0.2">
      <c r="A142" s="551"/>
      <c r="B142" s="552"/>
      <c r="C142" s="552"/>
      <c r="D142" s="552"/>
      <c r="E142" s="552"/>
      <c r="F142" s="552"/>
      <c r="G142" s="552"/>
      <c r="H142" s="552"/>
      <c r="I142" s="552"/>
      <c r="J142" s="552"/>
      <c r="K142" s="548"/>
      <c r="L142" s="548"/>
      <c r="M142" s="548"/>
      <c r="N142" s="552"/>
      <c r="O142" s="552"/>
      <c r="P142" s="552"/>
      <c r="Q142" s="551"/>
      <c r="R142" s="554"/>
      <c r="S142" s="554"/>
      <c r="T142" s="554"/>
      <c r="U142" s="554"/>
      <c r="V142" s="554"/>
      <c r="W142" s="554"/>
      <c r="X142" s="548"/>
      <c r="Y142" s="548"/>
      <c r="Z142" s="42"/>
      <c r="AA142" s="42"/>
      <c r="AB142" s="42"/>
      <c r="AC142" s="42"/>
      <c r="AD142" s="42"/>
      <c r="AE142" s="42"/>
      <c r="AF142" s="42"/>
      <c r="AG142" s="42"/>
      <c r="AH142" s="42"/>
      <c r="AI142" s="551"/>
      <c r="AJ142" s="42"/>
      <c r="AK142" s="42"/>
      <c r="AL142" s="42"/>
      <c r="AM142" s="42"/>
      <c r="AN142" s="84"/>
      <c r="AO142" s="84"/>
      <c r="AP142" s="42"/>
      <c r="AQ142" s="42"/>
      <c r="AR142" s="548"/>
      <c r="AS142" s="548"/>
      <c r="AT142" s="42"/>
      <c r="AU142" s="42"/>
      <c r="AV142" s="42"/>
      <c r="AW142" s="42"/>
      <c r="AX142" s="42"/>
      <c r="AY142" s="42"/>
      <c r="AZ142" s="42"/>
      <c r="BA142" s="76"/>
      <c r="BB142" s="42"/>
      <c r="BC142" s="42"/>
      <c r="BD142" s="78"/>
      <c r="BE142" s="78"/>
      <c r="BF142" s="42"/>
      <c r="BG142" s="42"/>
      <c r="BH142" s="42"/>
      <c r="BI142" s="42"/>
      <c r="BJ142" s="42"/>
      <c r="BK142" s="42"/>
      <c r="BL142" s="42"/>
      <c r="BM142" s="42"/>
      <c r="BN142" s="42"/>
      <c r="BO142" s="42"/>
      <c r="BP142" s="84"/>
      <c r="BQ142" s="84"/>
      <c r="BR142" s="84"/>
    </row>
    <row r="143" spans="1:70" ht="15" customHeight="1" x14ac:dyDescent="0.2">
      <c r="A143" s="551"/>
      <c r="B143" s="552"/>
      <c r="C143" s="552"/>
      <c r="D143" s="552"/>
      <c r="E143" s="552"/>
      <c r="F143" s="552"/>
      <c r="G143" s="552"/>
      <c r="H143" s="552"/>
      <c r="I143" s="552"/>
      <c r="J143" s="552"/>
      <c r="K143" s="548"/>
      <c r="L143" s="548"/>
      <c r="M143" s="548"/>
      <c r="N143" s="552"/>
      <c r="O143" s="552"/>
      <c r="P143" s="552"/>
      <c r="Q143" s="551"/>
      <c r="R143" s="554"/>
      <c r="S143" s="554"/>
      <c r="T143" s="554"/>
      <c r="U143" s="554"/>
      <c r="V143" s="554"/>
      <c r="W143" s="554"/>
      <c r="X143" s="548"/>
      <c r="Y143" s="548"/>
      <c r="Z143" s="42"/>
      <c r="AA143" s="42"/>
      <c r="AB143" s="42"/>
      <c r="AC143" s="42"/>
      <c r="AD143" s="42"/>
      <c r="AE143" s="42"/>
      <c r="AF143" s="42"/>
      <c r="AG143" s="42"/>
      <c r="AH143" s="42"/>
      <c r="AI143" s="551"/>
      <c r="AJ143" s="42"/>
      <c r="AK143" s="42"/>
      <c r="AL143" s="42"/>
      <c r="AM143" s="42"/>
      <c r="AN143" s="84"/>
      <c r="AO143" s="84"/>
      <c r="AP143" s="42"/>
      <c r="AQ143" s="42"/>
      <c r="AR143" s="548"/>
      <c r="AS143" s="548"/>
      <c r="AT143" s="42"/>
      <c r="AU143" s="42"/>
      <c r="AV143" s="42"/>
      <c r="AW143" s="42"/>
      <c r="AX143" s="42"/>
      <c r="AY143" s="42"/>
      <c r="AZ143" s="42"/>
      <c r="BA143" s="76"/>
      <c r="BB143" s="42"/>
      <c r="BC143" s="42"/>
      <c r="BD143" s="78"/>
      <c r="BE143" s="78"/>
      <c r="BF143" s="42"/>
      <c r="BG143" s="42"/>
      <c r="BH143" s="42"/>
      <c r="BI143" s="42"/>
      <c r="BJ143" s="42"/>
      <c r="BK143" s="42"/>
      <c r="BL143" s="42"/>
      <c r="BM143" s="42"/>
      <c r="BN143" s="42"/>
      <c r="BO143" s="42"/>
      <c r="BP143" s="84"/>
      <c r="BQ143" s="84"/>
      <c r="BR143" s="84"/>
    </row>
    <row r="144" spans="1:70" ht="15" customHeight="1" x14ac:dyDescent="0.2">
      <c r="A144" s="551"/>
      <c r="B144" s="552"/>
      <c r="C144" s="552"/>
      <c r="D144" s="552"/>
      <c r="E144" s="552"/>
      <c r="F144" s="552"/>
      <c r="G144" s="552"/>
      <c r="H144" s="552"/>
      <c r="I144" s="552"/>
      <c r="J144" s="552"/>
      <c r="K144" s="548"/>
      <c r="L144" s="548"/>
      <c r="M144" s="548"/>
      <c r="N144" s="552"/>
      <c r="O144" s="552"/>
      <c r="P144" s="552"/>
      <c r="Q144" s="551"/>
      <c r="R144" s="554"/>
      <c r="S144" s="554"/>
      <c r="T144" s="554"/>
      <c r="U144" s="554"/>
      <c r="V144" s="554"/>
      <c r="W144" s="554"/>
      <c r="X144" s="548"/>
      <c r="Y144" s="548"/>
      <c r="Z144" s="42"/>
      <c r="AA144" s="42"/>
      <c r="AB144" s="42"/>
      <c r="AC144" s="42"/>
      <c r="AD144" s="42"/>
      <c r="AE144" s="42"/>
      <c r="AF144" s="42"/>
      <c r="AG144" s="42"/>
      <c r="AH144" s="42"/>
      <c r="AI144" s="551"/>
      <c r="AJ144" s="42"/>
      <c r="AK144" s="42"/>
      <c r="AL144" s="42"/>
      <c r="AM144" s="42"/>
      <c r="AN144" s="84"/>
      <c r="AO144" s="84"/>
      <c r="AP144" s="42"/>
      <c r="AQ144" s="42"/>
      <c r="AR144" s="548"/>
      <c r="AS144" s="548"/>
      <c r="AT144" s="42"/>
      <c r="AU144" s="42"/>
      <c r="AV144" s="42"/>
      <c r="AW144" s="42"/>
      <c r="AX144" s="42"/>
      <c r="AY144" s="42"/>
      <c r="AZ144" s="42"/>
      <c r="BA144" s="76"/>
      <c r="BB144" s="42"/>
      <c r="BC144" s="42"/>
      <c r="BD144" s="78"/>
      <c r="BE144" s="78"/>
      <c r="BF144" s="42"/>
      <c r="BG144" s="42"/>
      <c r="BH144" s="42"/>
      <c r="BI144" s="42"/>
      <c r="BJ144" s="42"/>
      <c r="BK144" s="42"/>
      <c r="BL144" s="42"/>
      <c r="BM144" s="42"/>
      <c r="BN144" s="42"/>
      <c r="BO144" s="42"/>
      <c r="BP144" s="84"/>
      <c r="BQ144" s="84"/>
      <c r="BR144" s="84"/>
    </row>
    <row r="145" spans="1:70" ht="15" customHeight="1" x14ac:dyDescent="0.2">
      <c r="A145" s="551"/>
      <c r="B145" s="552"/>
      <c r="C145" s="552"/>
      <c r="D145" s="552"/>
      <c r="E145" s="552"/>
      <c r="F145" s="552"/>
      <c r="G145" s="552"/>
      <c r="H145" s="552"/>
      <c r="I145" s="552"/>
      <c r="J145" s="552"/>
      <c r="K145" s="548"/>
      <c r="L145" s="548"/>
      <c r="M145" s="548"/>
      <c r="N145" s="552"/>
      <c r="O145" s="552"/>
      <c r="P145" s="552"/>
      <c r="Q145" s="551"/>
      <c r="R145" s="554"/>
      <c r="S145" s="554"/>
      <c r="T145" s="554"/>
      <c r="U145" s="554"/>
      <c r="V145" s="554"/>
      <c r="W145" s="554"/>
      <c r="X145" s="548"/>
      <c r="Y145" s="548"/>
      <c r="Z145" s="42"/>
      <c r="AA145" s="42"/>
      <c r="AB145" s="42"/>
      <c r="AC145" s="42"/>
      <c r="AD145" s="42"/>
      <c r="AE145" s="42"/>
      <c r="AF145" s="42"/>
      <c r="AG145" s="42"/>
      <c r="AH145" s="42"/>
      <c r="AI145" s="551"/>
      <c r="AJ145" s="42"/>
      <c r="AK145" s="42"/>
      <c r="AL145" s="42"/>
      <c r="AM145" s="42"/>
      <c r="AN145" s="84"/>
      <c r="AO145" s="84"/>
      <c r="AP145" s="42"/>
      <c r="AQ145" s="42"/>
      <c r="AR145" s="548"/>
      <c r="AS145" s="548"/>
      <c r="AT145" s="42"/>
      <c r="AU145" s="42"/>
      <c r="AV145" s="42"/>
      <c r="AW145" s="42"/>
      <c r="AX145" s="42"/>
      <c r="AY145" s="42"/>
      <c r="AZ145" s="42"/>
      <c r="BA145" s="76"/>
      <c r="BB145" s="42"/>
      <c r="BC145" s="42"/>
      <c r="BD145" s="78"/>
      <c r="BE145" s="78"/>
      <c r="BF145" s="42"/>
      <c r="BG145" s="42"/>
      <c r="BH145" s="42"/>
      <c r="BI145" s="42"/>
      <c r="BJ145" s="42"/>
      <c r="BK145" s="42"/>
      <c r="BL145" s="42"/>
      <c r="BM145" s="42"/>
      <c r="BN145" s="42"/>
      <c r="BO145" s="42"/>
      <c r="BP145" s="84"/>
      <c r="BQ145" s="84"/>
      <c r="BR145" s="84"/>
    </row>
    <row r="146" spans="1:70" ht="15" customHeight="1" x14ac:dyDescent="0.2">
      <c r="A146" s="551"/>
      <c r="B146" s="552"/>
      <c r="C146" s="552"/>
      <c r="D146" s="552"/>
      <c r="E146" s="552"/>
      <c r="F146" s="552"/>
      <c r="G146" s="552"/>
      <c r="H146" s="552"/>
      <c r="I146" s="552"/>
      <c r="J146" s="552"/>
      <c r="K146" s="548"/>
      <c r="L146" s="548"/>
      <c r="M146" s="548"/>
      <c r="N146" s="552"/>
      <c r="O146" s="552"/>
      <c r="P146" s="552"/>
      <c r="Q146" s="551"/>
      <c r="R146" s="554"/>
      <c r="S146" s="554"/>
      <c r="T146" s="554"/>
      <c r="U146" s="554"/>
      <c r="V146" s="554"/>
      <c r="W146" s="554"/>
      <c r="X146" s="548"/>
      <c r="Y146" s="548"/>
      <c r="Z146" s="42"/>
      <c r="AA146" s="42"/>
      <c r="AB146" s="42"/>
      <c r="AC146" s="42"/>
      <c r="AD146" s="42"/>
      <c r="AE146" s="42"/>
      <c r="AF146" s="42"/>
      <c r="AG146" s="42"/>
      <c r="AH146" s="42"/>
      <c r="AI146" s="551"/>
      <c r="AJ146" s="42"/>
      <c r="AK146" s="42"/>
      <c r="AL146" s="42"/>
      <c r="AM146" s="42"/>
      <c r="AN146" s="84"/>
      <c r="AO146" s="84"/>
      <c r="AP146" s="42"/>
      <c r="AQ146" s="42"/>
      <c r="AR146" s="548"/>
      <c r="AS146" s="548"/>
      <c r="AT146" s="42"/>
      <c r="AU146" s="42"/>
      <c r="AV146" s="42"/>
      <c r="AW146" s="42"/>
      <c r="AX146" s="42"/>
      <c r="AY146" s="42"/>
      <c r="AZ146" s="42"/>
      <c r="BA146" s="76"/>
      <c r="BB146" s="42"/>
      <c r="BC146" s="42"/>
      <c r="BD146" s="78"/>
      <c r="BE146" s="78"/>
      <c r="BF146" s="42"/>
      <c r="BG146" s="42"/>
      <c r="BH146" s="42"/>
      <c r="BI146" s="42"/>
      <c r="BJ146" s="42"/>
      <c r="BK146" s="42"/>
      <c r="BL146" s="42"/>
      <c r="BM146" s="42"/>
      <c r="BN146" s="42"/>
      <c r="BO146" s="42"/>
      <c r="BP146" s="84"/>
      <c r="BQ146" s="84"/>
      <c r="BR146" s="84"/>
    </row>
    <row r="147" spans="1:70" ht="15" customHeight="1" x14ac:dyDescent="0.2">
      <c r="A147" s="551"/>
      <c r="B147" s="552"/>
      <c r="C147" s="552"/>
      <c r="D147" s="552"/>
      <c r="E147" s="552"/>
      <c r="F147" s="552"/>
      <c r="G147" s="552"/>
      <c r="H147" s="552"/>
      <c r="I147" s="552"/>
      <c r="J147" s="552"/>
      <c r="K147" s="548"/>
      <c r="L147" s="548"/>
      <c r="M147" s="548"/>
      <c r="N147" s="552"/>
      <c r="O147" s="552"/>
      <c r="P147" s="552"/>
      <c r="Q147" s="551"/>
      <c r="R147" s="554"/>
      <c r="S147" s="554"/>
      <c r="T147" s="554"/>
      <c r="U147" s="554"/>
      <c r="V147" s="554"/>
      <c r="W147" s="554"/>
      <c r="X147" s="548"/>
      <c r="Y147" s="548"/>
      <c r="Z147" s="42"/>
      <c r="AA147" s="42"/>
      <c r="AB147" s="42"/>
      <c r="AC147" s="42"/>
      <c r="AD147" s="42"/>
      <c r="AE147" s="42"/>
      <c r="AF147" s="42"/>
      <c r="AG147" s="42"/>
      <c r="AH147" s="42"/>
      <c r="AI147" s="551"/>
      <c r="AJ147" s="42"/>
      <c r="AK147" s="42"/>
      <c r="AL147" s="42"/>
      <c r="AM147" s="42"/>
      <c r="AN147" s="84"/>
      <c r="AO147" s="84"/>
      <c r="AP147" s="42"/>
      <c r="AQ147" s="42"/>
      <c r="AR147" s="548"/>
      <c r="AS147" s="548"/>
      <c r="AT147" s="42"/>
      <c r="AU147" s="42"/>
      <c r="AV147" s="42"/>
      <c r="AW147" s="42"/>
      <c r="AX147" s="42"/>
      <c r="AY147" s="42"/>
      <c r="AZ147" s="42"/>
      <c r="BA147" s="76"/>
      <c r="BB147" s="42"/>
      <c r="BC147" s="42"/>
      <c r="BD147" s="78"/>
      <c r="BE147" s="78"/>
      <c r="BF147" s="42"/>
      <c r="BG147" s="42"/>
      <c r="BH147" s="42"/>
      <c r="BI147" s="42"/>
      <c r="BJ147" s="42"/>
      <c r="BK147" s="42"/>
      <c r="BL147" s="42"/>
      <c r="BM147" s="42"/>
      <c r="BN147" s="42"/>
      <c r="BO147" s="42"/>
      <c r="BP147" s="84"/>
      <c r="BQ147" s="84"/>
      <c r="BR147" s="84"/>
    </row>
    <row r="150" spans="1:70" x14ac:dyDescent="0.15">
      <c r="M150" s="42"/>
    </row>
  </sheetData>
  <mergeCells count="167">
    <mergeCell ref="K134:M134"/>
    <mergeCell ref="X134:Y134"/>
    <mergeCell ref="Z131:Z133"/>
    <mergeCell ref="Z134:AH134"/>
    <mergeCell ref="AI134:AQ134"/>
    <mergeCell ref="AR134:AS134"/>
    <mergeCell ref="AT134:AZ134"/>
    <mergeCell ref="BA134:BO134"/>
    <mergeCell ref="BP134:BQ134"/>
    <mergeCell ref="BP130:BQ132"/>
    <mergeCell ref="N131:P132"/>
    <mergeCell ref="R131:T132"/>
    <mergeCell ref="U131:W132"/>
    <mergeCell ref="X131:Y132"/>
    <mergeCell ref="AT131:AT133"/>
    <mergeCell ref="BB131:BC132"/>
    <mergeCell ref="B130:T130"/>
    <mergeCell ref="U130:Y130"/>
    <mergeCell ref="AR130:AS132"/>
    <mergeCell ref="AW130:AX132"/>
    <mergeCell ref="BL131:BM132"/>
    <mergeCell ref="BN131:BO132"/>
    <mergeCell ref="AV132:AV133"/>
    <mergeCell ref="BD131:BE132"/>
    <mergeCell ref="K57:M57"/>
    <mergeCell ref="X57:Y57"/>
    <mergeCell ref="AN57:AO57"/>
    <mergeCell ref="AR57:AS57"/>
    <mergeCell ref="AG90:AH90"/>
    <mergeCell ref="AJ89:AO89"/>
    <mergeCell ref="AJ90:AK90"/>
    <mergeCell ref="AL90:AM90"/>
    <mergeCell ref="AP89:AQ90"/>
    <mergeCell ref="B88:T88"/>
    <mergeCell ref="U88:Y88"/>
    <mergeCell ref="K113:M113"/>
    <mergeCell ref="X113:Y113"/>
    <mergeCell ref="AN113:AO113"/>
    <mergeCell ref="AR113:AS113"/>
    <mergeCell ref="BA113:BO113"/>
    <mergeCell ref="BP113:BQ113"/>
    <mergeCell ref="B92:P92"/>
    <mergeCell ref="Q92:AH92"/>
    <mergeCell ref="AI92:AZ92"/>
    <mergeCell ref="BA92:BQ92"/>
    <mergeCell ref="BL110:BM111"/>
    <mergeCell ref="BN110:BO111"/>
    <mergeCell ref="AV111:AV112"/>
    <mergeCell ref="AY109:AZ111"/>
    <mergeCell ref="BP109:BQ111"/>
    <mergeCell ref="N110:P111"/>
    <mergeCell ref="R110:T111"/>
    <mergeCell ref="U110:W111"/>
    <mergeCell ref="X110:Y111"/>
    <mergeCell ref="AT110:AT112"/>
    <mergeCell ref="BB110:BC111"/>
    <mergeCell ref="BD110:BE111"/>
    <mergeCell ref="BF110:BG111"/>
    <mergeCell ref="B109:T109"/>
    <mergeCell ref="AU54:AU56"/>
    <mergeCell ref="AV54:AV56"/>
    <mergeCell ref="AY53:AZ55"/>
    <mergeCell ref="BJ54:BK55"/>
    <mergeCell ref="N89:P90"/>
    <mergeCell ref="R89:T90"/>
    <mergeCell ref="U89:W90"/>
    <mergeCell ref="X89:Y90"/>
    <mergeCell ref="AT89:AT91"/>
    <mergeCell ref="AW88:AX90"/>
    <mergeCell ref="AR88:AS90"/>
    <mergeCell ref="BB89:BC90"/>
    <mergeCell ref="BD89:BE90"/>
    <mergeCell ref="BF89:BG90"/>
    <mergeCell ref="BH89:BI90"/>
    <mergeCell ref="BJ89:BK90"/>
    <mergeCell ref="AY88:AZ90"/>
    <mergeCell ref="AU89:AU91"/>
    <mergeCell ref="AV89:AV91"/>
    <mergeCell ref="AA89:AH89"/>
    <mergeCell ref="AA90:AB90"/>
    <mergeCell ref="AC90:AD90"/>
    <mergeCell ref="AE90:AF90"/>
    <mergeCell ref="B53:T53"/>
    <mergeCell ref="AR53:AS55"/>
    <mergeCell ref="Z54:Z55"/>
    <mergeCell ref="N54:P55"/>
    <mergeCell ref="R54:T55"/>
    <mergeCell ref="U54:W55"/>
    <mergeCell ref="AP54:AQ55"/>
    <mergeCell ref="AA54:AH54"/>
    <mergeCell ref="AA55:AB55"/>
    <mergeCell ref="X54:Y55"/>
    <mergeCell ref="AC55:AD55"/>
    <mergeCell ref="AE55:AF55"/>
    <mergeCell ref="AG55:AH55"/>
    <mergeCell ref="AJ53:AO53"/>
    <mergeCell ref="AJ54:AO54"/>
    <mergeCell ref="AJ55:AK55"/>
    <mergeCell ref="AL55:AM55"/>
    <mergeCell ref="U53:Y53"/>
    <mergeCell ref="L7:M7"/>
    <mergeCell ref="Z4:Z6"/>
    <mergeCell ref="AP4:AQ5"/>
    <mergeCell ref="AR3:AS5"/>
    <mergeCell ref="N4:P5"/>
    <mergeCell ref="R4:T5"/>
    <mergeCell ref="AL5:AM5"/>
    <mergeCell ref="B3:P3"/>
    <mergeCell ref="R3:Y3"/>
    <mergeCell ref="B5:D5"/>
    <mergeCell ref="E5:G5"/>
    <mergeCell ref="H5:J5"/>
    <mergeCell ref="K5:M5"/>
    <mergeCell ref="AE5:AF5"/>
    <mergeCell ref="X4:Y5"/>
    <mergeCell ref="U4:W5"/>
    <mergeCell ref="AA5:AB5"/>
    <mergeCell ref="AC5:AD5"/>
    <mergeCell ref="U109:Y109"/>
    <mergeCell ref="AR109:AS111"/>
    <mergeCell ref="AW109:AX111"/>
    <mergeCell ref="AP110:AQ111"/>
    <mergeCell ref="AJ111:AK111"/>
    <mergeCell ref="AA111:AB111"/>
    <mergeCell ref="AC111:AD111"/>
    <mergeCell ref="AE111:AF111"/>
    <mergeCell ref="AG111:AH111"/>
    <mergeCell ref="BF131:BG132"/>
    <mergeCell ref="Z110:Z112"/>
    <mergeCell ref="BJ4:BK5"/>
    <mergeCell ref="Z3:AH3"/>
    <mergeCell ref="AA4:AH4"/>
    <mergeCell ref="AJ3:AO3"/>
    <mergeCell ref="AJ4:AO4"/>
    <mergeCell ref="AU4:AU6"/>
    <mergeCell ref="AV4:AV6"/>
    <mergeCell ref="AY3:AZ5"/>
    <mergeCell ref="AG5:AH5"/>
    <mergeCell ref="AJ5:AK5"/>
    <mergeCell ref="BB3:BO3"/>
    <mergeCell ref="AT4:AT6"/>
    <mergeCell ref="AT3:AV3"/>
    <mergeCell ref="BH4:BI5"/>
    <mergeCell ref="AT54:AT56"/>
    <mergeCell ref="BN54:BO55"/>
    <mergeCell ref="BB54:BC55"/>
    <mergeCell ref="BD54:BE55"/>
    <mergeCell ref="BL54:BM55"/>
    <mergeCell ref="AW53:AX55"/>
    <mergeCell ref="BF54:BG55"/>
    <mergeCell ref="BH54:BI55"/>
    <mergeCell ref="BP53:BQ55"/>
    <mergeCell ref="BN89:BO90"/>
    <mergeCell ref="BL89:BM90"/>
    <mergeCell ref="BN57:BO57"/>
    <mergeCell ref="BP57:BQ57"/>
    <mergeCell ref="BP88:BQ90"/>
    <mergeCell ref="CA4:CD5"/>
    <mergeCell ref="AW3:AX5"/>
    <mergeCell ref="BB4:BC5"/>
    <mergeCell ref="BD4:BE5"/>
    <mergeCell ref="BF4:BG5"/>
    <mergeCell ref="BL4:BM5"/>
    <mergeCell ref="BW4:BZ5"/>
    <mergeCell ref="BN4:BO5"/>
    <mergeCell ref="BS4:BV5"/>
    <mergeCell ref="BP3:BQ5"/>
  </mergeCells>
  <phoneticPr fontId="4"/>
  <conditionalFormatting sqref="B49:CD49">
    <cfRule type="cellIs" dxfId="0" priority="1" stopIfTrue="1" operator="notEqual">
      <formula>B$18</formula>
    </cfRule>
  </conditionalFormatting>
  <printOptions verticalCentered="1" gridLinesSet="0"/>
  <pageMargins left="0.70866141732283472" right="0.19685039370078741" top="0.59055118110236227" bottom="0.59055118110236227" header="0.23622047244094491" footer="0.23622047244094491"/>
  <pageSetup paperSize="9" scale="82" fitToWidth="0" orientation="landscape" blackAndWhite="1" r:id="rId1"/>
  <headerFooter alignWithMargins="0"/>
  <colBreaks count="4" manualBreakCount="4">
    <brk id="16" max="59" man="1"/>
    <brk id="34" max="59" man="1"/>
    <brk id="52" max="59" man="1"/>
    <brk id="69" max="59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B7" transitionEvaluation="1"/>
  <dimension ref="A1:N61"/>
  <sheetViews>
    <sheetView zoomScaleNormal="100" zoomScaleSheetLayoutView="120" workbookViewId="0">
      <pane xSplit="1" ySplit="6" topLeftCell="B7" activePane="bottomRight" state="frozen"/>
      <selection pane="topRight" activeCell="B1" sqref="B1"/>
      <selection pane="bottomLeft" activeCell="A7" sqref="A7"/>
      <selection pane="bottomRight"/>
    </sheetView>
  </sheetViews>
  <sheetFormatPr defaultColWidth="14.109375" defaultRowHeight="10.8" x14ac:dyDescent="0.15"/>
  <cols>
    <col min="1" max="1" width="8" style="237" customWidth="1"/>
    <col min="2" max="3" width="5.21875" style="237" customWidth="1"/>
    <col min="4" max="4" width="9.6640625" style="237" customWidth="1"/>
    <col min="5" max="8" width="5.21875" style="237" customWidth="1"/>
    <col min="9" max="12" width="9.6640625" style="237" customWidth="1"/>
    <col min="13" max="13" width="95.77734375" style="237" customWidth="1"/>
    <col min="14" max="16384" width="14.109375" style="237"/>
  </cols>
  <sheetData>
    <row r="1" spans="1:14" ht="15" customHeight="1" x14ac:dyDescent="0.2">
      <c r="A1" s="291" t="s">
        <v>245</v>
      </c>
      <c r="B1" s="290"/>
      <c r="C1" s="290"/>
      <c r="D1" s="290"/>
      <c r="E1" s="290"/>
      <c r="F1" s="290"/>
      <c r="G1" s="290"/>
      <c r="H1" s="290"/>
      <c r="I1" s="290"/>
      <c r="J1" s="290"/>
      <c r="K1" s="290"/>
      <c r="L1" s="290"/>
      <c r="M1" s="290"/>
      <c r="N1" s="567"/>
    </row>
    <row r="2" spans="1:14" ht="4.5" customHeight="1" thickBot="1" x14ac:dyDescent="0.2">
      <c r="A2" s="289"/>
      <c r="B2" s="568"/>
      <c r="C2" s="568"/>
      <c r="D2" s="568"/>
      <c r="E2" s="289"/>
      <c r="F2" s="289"/>
      <c r="G2" s="289"/>
      <c r="H2" s="289"/>
      <c r="I2" s="288"/>
      <c r="J2" s="289"/>
      <c r="K2" s="289"/>
      <c r="L2" s="289"/>
      <c r="M2" s="289"/>
    </row>
    <row r="3" spans="1:14" ht="15.75" customHeight="1" x14ac:dyDescent="0.15">
      <c r="A3" s="287"/>
      <c r="B3" s="879" t="s">
        <v>244</v>
      </c>
      <c r="C3" s="880"/>
      <c r="D3" s="848" t="s">
        <v>243</v>
      </c>
      <c r="E3" s="879" t="s">
        <v>242</v>
      </c>
      <c r="F3" s="904"/>
      <c r="G3" s="904"/>
      <c r="H3" s="905"/>
      <c r="I3" s="848" t="s">
        <v>241</v>
      </c>
      <c r="J3" s="848" t="s">
        <v>240</v>
      </c>
      <c r="K3" s="908" t="s">
        <v>239</v>
      </c>
      <c r="L3" s="909"/>
      <c r="M3" s="846" t="s">
        <v>238</v>
      </c>
    </row>
    <row r="4" spans="1:14" ht="9" customHeight="1" x14ac:dyDescent="0.15">
      <c r="A4" s="878" t="s">
        <v>237</v>
      </c>
      <c r="B4" s="881"/>
      <c r="C4" s="882"/>
      <c r="D4" s="849"/>
      <c r="E4" s="881"/>
      <c r="F4" s="906"/>
      <c r="G4" s="906"/>
      <c r="H4" s="907"/>
      <c r="I4" s="849"/>
      <c r="J4" s="849"/>
      <c r="K4" s="910"/>
      <c r="L4" s="911"/>
      <c r="M4" s="847"/>
    </row>
    <row r="5" spans="1:14" x14ac:dyDescent="0.15">
      <c r="A5" s="878"/>
      <c r="B5" s="881"/>
      <c r="C5" s="882"/>
      <c r="D5" s="849"/>
      <c r="E5" s="286" t="s">
        <v>236</v>
      </c>
      <c r="F5" s="285"/>
      <c r="G5" s="285"/>
      <c r="H5" s="284"/>
      <c r="I5" s="849"/>
      <c r="J5" s="849"/>
      <c r="K5" s="903" t="s">
        <v>235</v>
      </c>
      <c r="L5" s="900" t="s">
        <v>234</v>
      </c>
      <c r="M5" s="847"/>
    </row>
    <row r="6" spans="1:14" ht="13.2" customHeight="1" thickBot="1" x14ac:dyDescent="0.2">
      <c r="A6" s="283"/>
      <c r="B6" s="883"/>
      <c r="C6" s="884"/>
      <c r="D6" s="282" t="s">
        <v>233</v>
      </c>
      <c r="E6" s="912" t="s">
        <v>232</v>
      </c>
      <c r="F6" s="913"/>
      <c r="G6" s="893" t="s">
        <v>231</v>
      </c>
      <c r="H6" s="894"/>
      <c r="I6" s="281" t="s">
        <v>230</v>
      </c>
      <c r="J6" s="902"/>
      <c r="K6" s="902"/>
      <c r="L6" s="901"/>
      <c r="M6" s="280" t="s">
        <v>229</v>
      </c>
    </row>
    <row r="7" spans="1:14" ht="20.399999999999999" customHeight="1" thickTop="1" x14ac:dyDescent="0.15">
      <c r="A7" s="265" t="s">
        <v>228</v>
      </c>
      <c r="B7" s="898" t="s">
        <v>128</v>
      </c>
      <c r="C7" s="899"/>
      <c r="D7" s="263" t="s">
        <v>227</v>
      </c>
      <c r="E7" s="867" t="s">
        <v>128</v>
      </c>
      <c r="F7" s="868"/>
      <c r="G7" s="862" t="s">
        <v>129</v>
      </c>
      <c r="H7" s="863"/>
      <c r="I7" s="264" t="s">
        <v>158</v>
      </c>
      <c r="J7" s="263" t="s">
        <v>158</v>
      </c>
      <c r="K7" s="262">
        <v>420</v>
      </c>
      <c r="L7" s="261">
        <v>50</v>
      </c>
      <c r="M7" s="268" t="s">
        <v>226</v>
      </c>
    </row>
    <row r="8" spans="1:14" ht="30.6" customHeight="1" x14ac:dyDescent="0.15">
      <c r="A8" s="265" t="s">
        <v>225</v>
      </c>
      <c r="B8" s="875" t="s">
        <v>128</v>
      </c>
      <c r="C8" s="863"/>
      <c r="D8" s="263" t="s">
        <v>158</v>
      </c>
      <c r="E8" s="867" t="s">
        <v>175</v>
      </c>
      <c r="F8" s="868"/>
      <c r="G8" s="862" t="s">
        <v>175</v>
      </c>
      <c r="H8" s="863"/>
      <c r="I8" s="264" t="s">
        <v>158</v>
      </c>
      <c r="J8" s="263" t="s">
        <v>158</v>
      </c>
      <c r="K8" s="262">
        <v>420</v>
      </c>
      <c r="L8" s="261">
        <v>50</v>
      </c>
      <c r="M8" s="268" t="s">
        <v>224</v>
      </c>
    </row>
    <row r="9" spans="1:14" ht="20.399999999999999" customHeight="1" x14ac:dyDescent="0.15">
      <c r="A9" s="265" t="s">
        <v>223</v>
      </c>
      <c r="B9" s="875" t="s">
        <v>128</v>
      </c>
      <c r="C9" s="863"/>
      <c r="D9" s="263" t="s">
        <v>158</v>
      </c>
      <c r="E9" s="867" t="s">
        <v>128</v>
      </c>
      <c r="F9" s="868"/>
      <c r="G9" s="862" t="s">
        <v>128</v>
      </c>
      <c r="H9" s="863"/>
      <c r="I9" s="264" t="s">
        <v>158</v>
      </c>
      <c r="J9" s="263" t="s">
        <v>158</v>
      </c>
      <c r="K9" s="262">
        <v>420</v>
      </c>
      <c r="L9" s="261">
        <v>50</v>
      </c>
      <c r="M9" s="268" t="s">
        <v>222</v>
      </c>
    </row>
    <row r="10" spans="1:14" ht="15" customHeight="1" x14ac:dyDescent="0.15">
      <c r="A10" s="265" t="s">
        <v>221</v>
      </c>
      <c r="B10" s="875" t="s">
        <v>128</v>
      </c>
      <c r="C10" s="863"/>
      <c r="D10" s="263" t="s">
        <v>158</v>
      </c>
      <c r="E10" s="867" t="s">
        <v>128</v>
      </c>
      <c r="F10" s="868"/>
      <c r="G10" s="862" t="s">
        <v>128</v>
      </c>
      <c r="H10" s="863"/>
      <c r="I10" s="264" t="s">
        <v>161</v>
      </c>
      <c r="J10" s="263" t="s">
        <v>161</v>
      </c>
      <c r="K10" s="279">
        <v>420</v>
      </c>
      <c r="L10" s="261">
        <v>50</v>
      </c>
      <c r="M10" s="268" t="s">
        <v>220</v>
      </c>
    </row>
    <row r="11" spans="1:14" ht="20.399999999999999" customHeight="1" x14ac:dyDescent="0.15">
      <c r="A11" s="265" t="s">
        <v>219</v>
      </c>
      <c r="B11" s="875" t="s">
        <v>128</v>
      </c>
      <c r="C11" s="876"/>
      <c r="D11" s="263" t="s">
        <v>161</v>
      </c>
      <c r="E11" s="867" t="s">
        <v>128</v>
      </c>
      <c r="F11" s="877"/>
      <c r="G11" s="862" t="s">
        <v>128</v>
      </c>
      <c r="H11" s="866"/>
      <c r="I11" s="264" t="s">
        <v>161</v>
      </c>
      <c r="J11" s="263" t="s">
        <v>161</v>
      </c>
      <c r="K11" s="262">
        <v>420</v>
      </c>
      <c r="L11" s="261">
        <v>50</v>
      </c>
      <c r="M11" s="268" t="s">
        <v>218</v>
      </c>
    </row>
    <row r="12" spans="1:14" ht="20.399999999999999" customHeight="1" x14ac:dyDescent="0.15">
      <c r="A12" s="265" t="s">
        <v>217</v>
      </c>
      <c r="B12" s="875" t="s">
        <v>128</v>
      </c>
      <c r="C12" s="863"/>
      <c r="D12" s="263" t="s">
        <v>161</v>
      </c>
      <c r="E12" s="867" t="s">
        <v>128</v>
      </c>
      <c r="F12" s="868"/>
      <c r="G12" s="862" t="s">
        <v>128</v>
      </c>
      <c r="H12" s="863"/>
      <c r="I12" s="264" t="s">
        <v>161</v>
      </c>
      <c r="J12" s="263" t="s">
        <v>161</v>
      </c>
      <c r="K12" s="262">
        <v>420</v>
      </c>
      <c r="L12" s="261">
        <v>50</v>
      </c>
      <c r="M12" s="268" t="s">
        <v>216</v>
      </c>
    </row>
    <row r="13" spans="1:14" ht="20.399999999999999" customHeight="1" x14ac:dyDescent="0.15">
      <c r="A13" s="265" t="s">
        <v>215</v>
      </c>
      <c r="B13" s="875" t="s">
        <v>128</v>
      </c>
      <c r="C13" s="863"/>
      <c r="D13" s="263" t="s">
        <v>161</v>
      </c>
      <c r="E13" s="867" t="s">
        <v>128</v>
      </c>
      <c r="F13" s="868"/>
      <c r="G13" s="862" t="s">
        <v>128</v>
      </c>
      <c r="H13" s="863"/>
      <c r="I13" s="264" t="s">
        <v>161</v>
      </c>
      <c r="J13" s="263" t="s">
        <v>161</v>
      </c>
      <c r="K13" s="262">
        <v>420</v>
      </c>
      <c r="L13" s="261">
        <v>50</v>
      </c>
      <c r="M13" s="268" t="s">
        <v>214</v>
      </c>
    </row>
    <row r="14" spans="1:14" ht="20.399999999999999" customHeight="1" x14ac:dyDescent="0.15">
      <c r="A14" s="265" t="s">
        <v>213</v>
      </c>
      <c r="B14" s="875" t="s">
        <v>128</v>
      </c>
      <c r="C14" s="863"/>
      <c r="D14" s="263" t="s">
        <v>161</v>
      </c>
      <c r="E14" s="867" t="s">
        <v>128</v>
      </c>
      <c r="F14" s="868"/>
      <c r="G14" s="862" t="s">
        <v>128</v>
      </c>
      <c r="H14" s="863"/>
      <c r="I14" s="264" t="s">
        <v>161</v>
      </c>
      <c r="J14" s="263" t="s">
        <v>161</v>
      </c>
      <c r="K14" s="262">
        <v>420</v>
      </c>
      <c r="L14" s="261">
        <v>50</v>
      </c>
      <c r="M14" s="268" t="s">
        <v>212</v>
      </c>
    </row>
    <row r="15" spans="1:14" ht="15" customHeight="1" x14ac:dyDescent="0.15">
      <c r="A15" s="265" t="s">
        <v>211</v>
      </c>
      <c r="B15" s="875" t="s">
        <v>128</v>
      </c>
      <c r="C15" s="863"/>
      <c r="D15" s="263" t="s">
        <v>161</v>
      </c>
      <c r="E15" s="867" t="s">
        <v>128</v>
      </c>
      <c r="F15" s="868"/>
      <c r="G15" s="862" t="s">
        <v>128</v>
      </c>
      <c r="H15" s="863"/>
      <c r="I15" s="264" t="s">
        <v>161</v>
      </c>
      <c r="J15" s="263" t="s">
        <v>161</v>
      </c>
      <c r="K15" s="262">
        <v>420</v>
      </c>
      <c r="L15" s="261">
        <v>50</v>
      </c>
      <c r="M15" s="276" t="s">
        <v>210</v>
      </c>
    </row>
    <row r="16" spans="1:14" ht="15" customHeight="1" x14ac:dyDescent="0.15">
      <c r="A16" s="265" t="s">
        <v>209</v>
      </c>
      <c r="B16" s="875" t="s">
        <v>128</v>
      </c>
      <c r="C16" s="863"/>
      <c r="D16" s="263" t="s">
        <v>161</v>
      </c>
      <c r="E16" s="867" t="s">
        <v>129</v>
      </c>
      <c r="F16" s="868"/>
      <c r="G16" s="862" t="s">
        <v>128</v>
      </c>
      <c r="H16" s="863"/>
      <c r="I16" s="264" t="s">
        <v>161</v>
      </c>
      <c r="J16" s="263" t="s">
        <v>161</v>
      </c>
      <c r="K16" s="262">
        <v>420</v>
      </c>
      <c r="L16" s="261">
        <v>50</v>
      </c>
      <c r="M16" s="276" t="s">
        <v>208</v>
      </c>
    </row>
    <row r="17" spans="1:13" ht="20.399999999999999" customHeight="1" x14ac:dyDescent="0.15">
      <c r="A17" s="265" t="s">
        <v>207</v>
      </c>
      <c r="B17" s="875" t="s">
        <v>128</v>
      </c>
      <c r="C17" s="863"/>
      <c r="D17" s="263" t="s">
        <v>161</v>
      </c>
      <c r="E17" s="867" t="s">
        <v>128</v>
      </c>
      <c r="F17" s="868"/>
      <c r="G17" s="862" t="s">
        <v>128</v>
      </c>
      <c r="H17" s="863"/>
      <c r="I17" s="264" t="s">
        <v>161</v>
      </c>
      <c r="J17" s="263" t="s">
        <v>161</v>
      </c>
      <c r="K17" s="262">
        <v>420</v>
      </c>
      <c r="L17" s="261">
        <v>50</v>
      </c>
      <c r="M17" s="268" t="s">
        <v>206</v>
      </c>
    </row>
    <row r="18" spans="1:13" ht="20.399999999999999" customHeight="1" x14ac:dyDescent="0.15">
      <c r="A18" s="265" t="s">
        <v>205</v>
      </c>
      <c r="B18" s="875" t="s">
        <v>128</v>
      </c>
      <c r="C18" s="863"/>
      <c r="D18" s="263" t="s">
        <v>161</v>
      </c>
      <c r="E18" s="867" t="s">
        <v>128</v>
      </c>
      <c r="F18" s="868"/>
      <c r="G18" s="862" t="s">
        <v>128</v>
      </c>
      <c r="H18" s="863"/>
      <c r="I18" s="264" t="s">
        <v>161</v>
      </c>
      <c r="J18" s="263" t="s">
        <v>161</v>
      </c>
      <c r="K18" s="262">
        <v>420</v>
      </c>
      <c r="L18" s="261">
        <v>50</v>
      </c>
      <c r="M18" s="268" t="s">
        <v>204</v>
      </c>
    </row>
    <row r="19" spans="1:13" ht="30.6" customHeight="1" x14ac:dyDescent="0.15">
      <c r="A19" s="265" t="s">
        <v>203</v>
      </c>
      <c r="B19" s="875" t="s">
        <v>128</v>
      </c>
      <c r="C19" s="863"/>
      <c r="D19" s="263" t="s">
        <v>161</v>
      </c>
      <c r="E19" s="867" t="s">
        <v>128</v>
      </c>
      <c r="F19" s="868"/>
      <c r="G19" s="862" t="s">
        <v>128</v>
      </c>
      <c r="H19" s="863"/>
      <c r="I19" s="264" t="s">
        <v>161</v>
      </c>
      <c r="J19" s="263" t="s">
        <v>161</v>
      </c>
      <c r="K19" s="262">
        <v>420</v>
      </c>
      <c r="L19" s="261">
        <v>50</v>
      </c>
      <c r="M19" s="276" t="s">
        <v>202</v>
      </c>
    </row>
    <row r="20" spans="1:13" ht="19.95" customHeight="1" x14ac:dyDescent="0.15">
      <c r="A20" s="265" t="s">
        <v>201</v>
      </c>
      <c r="B20" s="875" t="s">
        <v>128</v>
      </c>
      <c r="C20" s="863"/>
      <c r="D20" s="263" t="s">
        <v>161</v>
      </c>
      <c r="E20" s="867" t="s">
        <v>128</v>
      </c>
      <c r="F20" s="868"/>
      <c r="G20" s="862" t="s">
        <v>129</v>
      </c>
      <c r="H20" s="863"/>
      <c r="I20" s="264" t="s">
        <v>161</v>
      </c>
      <c r="J20" s="263" t="s">
        <v>161</v>
      </c>
      <c r="K20" s="262">
        <v>420</v>
      </c>
      <c r="L20" s="261">
        <v>50</v>
      </c>
      <c r="M20" s="268" t="s">
        <v>200</v>
      </c>
    </row>
    <row r="21" spans="1:13" ht="30" customHeight="1" x14ac:dyDescent="0.15">
      <c r="A21" s="265" t="s">
        <v>199</v>
      </c>
      <c r="B21" s="875" t="s">
        <v>128</v>
      </c>
      <c r="C21" s="863"/>
      <c r="D21" s="263" t="s">
        <v>161</v>
      </c>
      <c r="E21" s="867" t="s">
        <v>128</v>
      </c>
      <c r="F21" s="868"/>
      <c r="G21" s="862" t="s">
        <v>129</v>
      </c>
      <c r="H21" s="863"/>
      <c r="I21" s="264" t="s">
        <v>161</v>
      </c>
      <c r="J21" s="263" t="s">
        <v>161</v>
      </c>
      <c r="K21" s="262">
        <v>420</v>
      </c>
      <c r="L21" s="261">
        <v>50</v>
      </c>
      <c r="M21" s="268" t="s">
        <v>198</v>
      </c>
    </row>
    <row r="22" spans="1:13" ht="15" customHeight="1" x14ac:dyDescent="0.15">
      <c r="A22" s="265" t="s">
        <v>197</v>
      </c>
      <c r="B22" s="875" t="s">
        <v>129</v>
      </c>
      <c r="C22" s="863"/>
      <c r="D22" s="263" t="s">
        <v>161</v>
      </c>
      <c r="E22" s="867" t="s">
        <v>128</v>
      </c>
      <c r="F22" s="868"/>
      <c r="G22" s="862" t="s">
        <v>128</v>
      </c>
      <c r="H22" s="863"/>
      <c r="I22" s="264" t="s">
        <v>161</v>
      </c>
      <c r="J22" s="263" t="s">
        <v>161</v>
      </c>
      <c r="K22" s="262">
        <v>420</v>
      </c>
      <c r="L22" s="261">
        <v>50</v>
      </c>
      <c r="M22" s="268" t="s">
        <v>196</v>
      </c>
    </row>
    <row r="23" spans="1:13" ht="15" customHeight="1" x14ac:dyDescent="0.15">
      <c r="A23" s="265" t="s">
        <v>195</v>
      </c>
      <c r="B23" s="875" t="s">
        <v>128</v>
      </c>
      <c r="C23" s="863"/>
      <c r="D23" s="263" t="s">
        <v>161</v>
      </c>
      <c r="E23" s="867" t="s">
        <v>129</v>
      </c>
      <c r="F23" s="868"/>
      <c r="G23" s="862" t="s">
        <v>128</v>
      </c>
      <c r="H23" s="863"/>
      <c r="I23" s="264" t="s">
        <v>161</v>
      </c>
      <c r="J23" s="263" t="s">
        <v>161</v>
      </c>
      <c r="K23" s="262">
        <v>420</v>
      </c>
      <c r="L23" s="261">
        <v>50</v>
      </c>
      <c r="M23" s="268" t="s">
        <v>194</v>
      </c>
    </row>
    <row r="24" spans="1:13" ht="19.95" customHeight="1" x14ac:dyDescent="0.15">
      <c r="A24" s="278" t="s">
        <v>193</v>
      </c>
      <c r="B24" s="895" t="s">
        <v>128</v>
      </c>
      <c r="C24" s="896"/>
      <c r="D24" s="277" t="s">
        <v>161</v>
      </c>
      <c r="E24" s="869" t="s">
        <v>128</v>
      </c>
      <c r="F24" s="870"/>
      <c r="G24" s="862" t="s">
        <v>128</v>
      </c>
      <c r="H24" s="866"/>
      <c r="I24" s="264" t="s">
        <v>161</v>
      </c>
      <c r="J24" s="263" t="s">
        <v>161</v>
      </c>
      <c r="K24" s="262">
        <v>420</v>
      </c>
      <c r="L24" s="272">
        <v>50</v>
      </c>
      <c r="M24" s="276" t="s">
        <v>192</v>
      </c>
    </row>
    <row r="25" spans="1:13" ht="15" customHeight="1" x14ac:dyDescent="0.15">
      <c r="A25" s="275" t="s">
        <v>191</v>
      </c>
      <c r="B25" s="875" t="s">
        <v>128</v>
      </c>
      <c r="C25" s="863"/>
      <c r="D25" s="271" t="s">
        <v>158</v>
      </c>
      <c r="E25" s="867" t="s">
        <v>128</v>
      </c>
      <c r="F25" s="868"/>
      <c r="G25" s="864" t="s">
        <v>128</v>
      </c>
      <c r="H25" s="865"/>
      <c r="I25" s="264" t="s">
        <v>190</v>
      </c>
      <c r="J25" s="266" t="s">
        <v>158</v>
      </c>
      <c r="K25" s="262">
        <v>420</v>
      </c>
      <c r="L25" s="269">
        <v>50</v>
      </c>
      <c r="M25" s="268" t="s">
        <v>189</v>
      </c>
    </row>
    <row r="26" spans="1:13" ht="20.399999999999999" customHeight="1" x14ac:dyDescent="0.15">
      <c r="A26" s="265" t="s">
        <v>188</v>
      </c>
      <c r="B26" s="875" t="s">
        <v>129</v>
      </c>
      <c r="C26" s="863"/>
      <c r="D26" s="266" t="s">
        <v>158</v>
      </c>
      <c r="E26" s="867" t="s">
        <v>128</v>
      </c>
      <c r="F26" s="868"/>
      <c r="G26" s="862" t="s">
        <v>128</v>
      </c>
      <c r="H26" s="863"/>
      <c r="I26" s="264" t="s">
        <v>158</v>
      </c>
      <c r="J26" s="266" t="s">
        <v>158</v>
      </c>
      <c r="K26" s="262">
        <v>420</v>
      </c>
      <c r="L26" s="261">
        <v>50</v>
      </c>
      <c r="M26" s="268" t="s">
        <v>187</v>
      </c>
    </row>
    <row r="27" spans="1:13" ht="15" customHeight="1" x14ac:dyDescent="0.15">
      <c r="A27" s="275" t="s">
        <v>186</v>
      </c>
      <c r="B27" s="875" t="s">
        <v>129</v>
      </c>
      <c r="C27" s="863"/>
      <c r="D27" s="271" t="s">
        <v>158</v>
      </c>
      <c r="E27" s="867" t="s">
        <v>128</v>
      </c>
      <c r="F27" s="868"/>
      <c r="G27" s="862" t="s">
        <v>128</v>
      </c>
      <c r="H27" s="863"/>
      <c r="I27" s="274" t="s">
        <v>158</v>
      </c>
      <c r="J27" s="271" t="s">
        <v>158</v>
      </c>
      <c r="K27" s="273">
        <v>420</v>
      </c>
      <c r="L27" s="272">
        <v>50</v>
      </c>
      <c r="M27" s="267" t="s">
        <v>185</v>
      </c>
    </row>
    <row r="28" spans="1:13" ht="20.399999999999999" customHeight="1" x14ac:dyDescent="0.15">
      <c r="A28" s="265" t="s">
        <v>184</v>
      </c>
      <c r="B28" s="897" t="s">
        <v>128</v>
      </c>
      <c r="C28" s="865"/>
      <c r="D28" s="266" t="s">
        <v>158</v>
      </c>
      <c r="E28" s="914" t="s">
        <v>128</v>
      </c>
      <c r="F28" s="915"/>
      <c r="G28" s="864" t="s">
        <v>128</v>
      </c>
      <c r="H28" s="865"/>
      <c r="I28" s="271" t="s">
        <v>158</v>
      </c>
      <c r="J28" s="266" t="s">
        <v>158</v>
      </c>
      <c r="K28" s="270">
        <v>420</v>
      </c>
      <c r="L28" s="269">
        <v>50</v>
      </c>
      <c r="M28" s="268" t="s">
        <v>183</v>
      </c>
    </row>
    <row r="29" spans="1:13" ht="15" customHeight="1" x14ac:dyDescent="0.15">
      <c r="A29" s="265" t="s">
        <v>182</v>
      </c>
      <c r="B29" s="875" t="s">
        <v>128</v>
      </c>
      <c r="C29" s="863"/>
      <c r="D29" s="266" t="s">
        <v>161</v>
      </c>
      <c r="E29" s="867" t="s">
        <v>128</v>
      </c>
      <c r="F29" s="868"/>
      <c r="G29" s="862" t="s">
        <v>128</v>
      </c>
      <c r="H29" s="863"/>
      <c r="I29" s="264" t="s">
        <v>161</v>
      </c>
      <c r="J29" s="266" t="s">
        <v>161</v>
      </c>
      <c r="K29" s="262">
        <v>420</v>
      </c>
      <c r="L29" s="261">
        <v>50</v>
      </c>
      <c r="M29" s="268" t="s">
        <v>181</v>
      </c>
    </row>
    <row r="30" spans="1:13" ht="20.399999999999999" customHeight="1" x14ac:dyDescent="0.15">
      <c r="A30" s="265" t="s">
        <v>180</v>
      </c>
      <c r="B30" s="875" t="s">
        <v>129</v>
      </c>
      <c r="C30" s="863"/>
      <c r="D30" s="266" t="s">
        <v>161</v>
      </c>
      <c r="E30" s="867" t="s">
        <v>128</v>
      </c>
      <c r="F30" s="868"/>
      <c r="G30" s="862" t="s">
        <v>128</v>
      </c>
      <c r="H30" s="863"/>
      <c r="I30" s="264" t="s">
        <v>161</v>
      </c>
      <c r="J30" s="266" t="s">
        <v>161</v>
      </c>
      <c r="K30" s="262">
        <v>420</v>
      </c>
      <c r="L30" s="261">
        <v>50</v>
      </c>
      <c r="M30" s="267" t="s">
        <v>179</v>
      </c>
    </row>
    <row r="31" spans="1:13" ht="15" customHeight="1" x14ac:dyDescent="0.15">
      <c r="A31" s="265" t="s">
        <v>178</v>
      </c>
      <c r="B31" s="875" t="s">
        <v>128</v>
      </c>
      <c r="C31" s="863"/>
      <c r="D31" s="266" t="s">
        <v>161</v>
      </c>
      <c r="E31" s="867" t="s">
        <v>128</v>
      </c>
      <c r="F31" s="868"/>
      <c r="G31" s="862" t="s">
        <v>128</v>
      </c>
      <c r="H31" s="863"/>
      <c r="I31" s="264" t="s">
        <v>161</v>
      </c>
      <c r="J31" s="266" t="s">
        <v>161</v>
      </c>
      <c r="K31" s="262">
        <v>420</v>
      </c>
      <c r="L31" s="261">
        <v>50</v>
      </c>
      <c r="M31" s="268" t="s">
        <v>177</v>
      </c>
    </row>
    <row r="32" spans="1:13" ht="15" customHeight="1" x14ac:dyDescent="0.15">
      <c r="A32" s="265" t="s">
        <v>176</v>
      </c>
      <c r="B32" s="875" t="s">
        <v>129</v>
      </c>
      <c r="C32" s="863"/>
      <c r="D32" s="266" t="s">
        <v>161</v>
      </c>
      <c r="E32" s="867" t="s">
        <v>175</v>
      </c>
      <c r="F32" s="868"/>
      <c r="G32" s="862" t="s">
        <v>175</v>
      </c>
      <c r="H32" s="863"/>
      <c r="I32" s="264" t="s">
        <v>161</v>
      </c>
      <c r="J32" s="266" t="s">
        <v>161</v>
      </c>
      <c r="K32" s="262">
        <v>420</v>
      </c>
      <c r="L32" s="261">
        <v>50</v>
      </c>
      <c r="M32" s="267" t="s">
        <v>174</v>
      </c>
    </row>
    <row r="33" spans="1:13" ht="15" customHeight="1" x14ac:dyDescent="0.15">
      <c r="A33" s="265" t="s">
        <v>173</v>
      </c>
      <c r="B33" s="875" t="s">
        <v>128</v>
      </c>
      <c r="C33" s="863"/>
      <c r="D33" s="266" t="s">
        <v>161</v>
      </c>
      <c r="E33" s="867" t="s">
        <v>128</v>
      </c>
      <c r="F33" s="868"/>
      <c r="G33" s="862" t="s">
        <v>128</v>
      </c>
      <c r="H33" s="863"/>
      <c r="I33" s="264" t="s">
        <v>161</v>
      </c>
      <c r="J33" s="266" t="s">
        <v>161</v>
      </c>
      <c r="K33" s="262">
        <v>420</v>
      </c>
      <c r="L33" s="261">
        <v>50</v>
      </c>
      <c r="M33" s="267" t="s">
        <v>172</v>
      </c>
    </row>
    <row r="34" spans="1:13" ht="20.399999999999999" customHeight="1" x14ac:dyDescent="0.15">
      <c r="A34" s="265" t="s">
        <v>171</v>
      </c>
      <c r="B34" s="875" t="s">
        <v>128</v>
      </c>
      <c r="C34" s="863"/>
      <c r="D34" s="266" t="s">
        <v>161</v>
      </c>
      <c r="E34" s="867" t="s">
        <v>128</v>
      </c>
      <c r="F34" s="868"/>
      <c r="G34" s="862" t="s">
        <v>128</v>
      </c>
      <c r="H34" s="863"/>
      <c r="I34" s="264" t="s">
        <v>161</v>
      </c>
      <c r="J34" s="266" t="s">
        <v>161</v>
      </c>
      <c r="K34" s="262">
        <v>420</v>
      </c>
      <c r="L34" s="261">
        <v>50</v>
      </c>
      <c r="M34" s="267" t="s">
        <v>170</v>
      </c>
    </row>
    <row r="35" spans="1:13" ht="15" customHeight="1" x14ac:dyDescent="0.15">
      <c r="A35" s="265" t="s">
        <v>169</v>
      </c>
      <c r="B35" s="875" t="s">
        <v>128</v>
      </c>
      <c r="C35" s="863"/>
      <c r="D35" s="266" t="s">
        <v>161</v>
      </c>
      <c r="E35" s="867" t="s">
        <v>128</v>
      </c>
      <c r="F35" s="868"/>
      <c r="G35" s="862" t="s">
        <v>128</v>
      </c>
      <c r="H35" s="863"/>
      <c r="I35" s="264" t="s">
        <v>161</v>
      </c>
      <c r="J35" s="266" t="s">
        <v>161</v>
      </c>
      <c r="K35" s="262">
        <v>420</v>
      </c>
      <c r="L35" s="261">
        <v>50</v>
      </c>
      <c r="M35" s="267" t="s">
        <v>168</v>
      </c>
    </row>
    <row r="36" spans="1:13" ht="20.399999999999999" customHeight="1" x14ac:dyDescent="0.15">
      <c r="A36" s="265" t="s">
        <v>167</v>
      </c>
      <c r="B36" s="875" t="s">
        <v>128</v>
      </c>
      <c r="C36" s="863"/>
      <c r="D36" s="266" t="s">
        <v>161</v>
      </c>
      <c r="E36" s="867" t="s">
        <v>128</v>
      </c>
      <c r="F36" s="868"/>
      <c r="G36" s="862" t="s">
        <v>128</v>
      </c>
      <c r="H36" s="863"/>
      <c r="I36" s="264" t="s">
        <v>161</v>
      </c>
      <c r="J36" s="266" t="s">
        <v>161</v>
      </c>
      <c r="K36" s="262">
        <v>420</v>
      </c>
      <c r="L36" s="261">
        <v>50</v>
      </c>
      <c r="M36" s="260" t="s">
        <v>166</v>
      </c>
    </row>
    <row r="37" spans="1:13" ht="30.6" customHeight="1" x14ac:dyDescent="0.15">
      <c r="A37" s="265" t="s">
        <v>165</v>
      </c>
      <c r="B37" s="875" t="s">
        <v>164</v>
      </c>
      <c r="C37" s="876"/>
      <c r="D37" s="266" t="s">
        <v>161</v>
      </c>
      <c r="E37" s="867" t="s">
        <v>128</v>
      </c>
      <c r="F37" s="868"/>
      <c r="G37" s="862" t="s">
        <v>128</v>
      </c>
      <c r="H37" s="866"/>
      <c r="I37" s="264" t="s">
        <v>161</v>
      </c>
      <c r="J37" s="266" t="s">
        <v>161</v>
      </c>
      <c r="K37" s="262">
        <v>420</v>
      </c>
      <c r="L37" s="261">
        <v>50</v>
      </c>
      <c r="M37" s="267" t="s">
        <v>163</v>
      </c>
    </row>
    <row r="38" spans="1:13" ht="19.2" x14ac:dyDescent="0.15">
      <c r="A38" s="265" t="s">
        <v>162</v>
      </c>
      <c r="B38" s="875" t="s">
        <v>128</v>
      </c>
      <c r="C38" s="863"/>
      <c r="D38" s="266" t="s">
        <v>161</v>
      </c>
      <c r="E38" s="867" t="s">
        <v>129</v>
      </c>
      <c r="F38" s="868"/>
      <c r="G38" s="862" t="s">
        <v>128</v>
      </c>
      <c r="H38" s="863"/>
      <c r="I38" s="264" t="s">
        <v>161</v>
      </c>
      <c r="J38" s="266" t="s">
        <v>161</v>
      </c>
      <c r="K38" s="262">
        <v>420</v>
      </c>
      <c r="L38" s="261">
        <v>50</v>
      </c>
      <c r="M38" s="260" t="s">
        <v>160</v>
      </c>
    </row>
    <row r="39" spans="1:13" ht="15" customHeight="1" x14ac:dyDescent="0.15">
      <c r="A39" s="265" t="s">
        <v>159</v>
      </c>
      <c r="B39" s="875" t="s">
        <v>128</v>
      </c>
      <c r="C39" s="863"/>
      <c r="D39" s="263" t="s">
        <v>158</v>
      </c>
      <c r="E39" s="867" t="s">
        <v>128</v>
      </c>
      <c r="F39" s="868"/>
      <c r="G39" s="862" t="s">
        <v>128</v>
      </c>
      <c r="H39" s="863"/>
      <c r="I39" s="264" t="s">
        <v>158</v>
      </c>
      <c r="J39" s="263" t="s">
        <v>158</v>
      </c>
      <c r="K39" s="262">
        <v>420</v>
      </c>
      <c r="L39" s="261">
        <v>50</v>
      </c>
      <c r="M39" s="260" t="s">
        <v>157</v>
      </c>
    </row>
    <row r="40" spans="1:13" ht="15.75" customHeight="1" thickBot="1" x14ac:dyDescent="0.2">
      <c r="A40" s="259"/>
      <c r="B40" s="258" t="s">
        <v>156</v>
      </c>
      <c r="C40" s="256" t="s">
        <v>155</v>
      </c>
      <c r="D40" s="255"/>
      <c r="E40" s="258" t="s">
        <v>156</v>
      </c>
      <c r="F40" s="257" t="s">
        <v>155</v>
      </c>
      <c r="G40" s="257" t="s">
        <v>156</v>
      </c>
      <c r="H40" s="256" t="s">
        <v>155</v>
      </c>
      <c r="I40" s="255"/>
      <c r="J40" s="255"/>
      <c r="K40" s="255"/>
      <c r="L40" s="254"/>
      <c r="M40" s="253" t="s">
        <v>154</v>
      </c>
    </row>
    <row r="41" spans="1:13" ht="13.95" customHeight="1" thickTop="1" x14ac:dyDescent="0.15">
      <c r="A41" s="874" t="s">
        <v>153</v>
      </c>
      <c r="B41" s="859" t="s">
        <v>128</v>
      </c>
      <c r="C41" s="861" t="s">
        <v>129</v>
      </c>
      <c r="D41" s="569"/>
      <c r="E41" s="859" t="s">
        <v>129</v>
      </c>
      <c r="F41" s="860" t="s">
        <v>129</v>
      </c>
      <c r="G41" s="860" t="s">
        <v>129</v>
      </c>
      <c r="H41" s="861" t="s">
        <v>129</v>
      </c>
      <c r="I41" s="885" t="s">
        <v>152</v>
      </c>
      <c r="J41" s="886"/>
      <c r="K41" s="245">
        <v>420</v>
      </c>
      <c r="L41" s="248" t="s">
        <v>133</v>
      </c>
      <c r="M41" s="251" t="s">
        <v>151</v>
      </c>
    </row>
    <row r="42" spans="1:13" ht="13.95" customHeight="1" x14ac:dyDescent="0.15">
      <c r="A42" s="872"/>
      <c r="B42" s="856"/>
      <c r="C42" s="858"/>
      <c r="D42" s="252"/>
      <c r="E42" s="856"/>
      <c r="F42" s="857"/>
      <c r="G42" s="857"/>
      <c r="H42" s="858"/>
      <c r="I42" s="887"/>
      <c r="J42" s="888"/>
      <c r="K42" s="244"/>
      <c r="L42" s="243"/>
      <c r="M42" s="249" t="s">
        <v>150</v>
      </c>
    </row>
    <row r="43" spans="1:13" ht="13.95" customHeight="1" x14ac:dyDescent="0.15">
      <c r="A43" s="871" t="s">
        <v>149</v>
      </c>
      <c r="B43" s="850" t="s">
        <v>129</v>
      </c>
      <c r="C43" s="854" t="s">
        <v>128</v>
      </c>
      <c r="D43" s="252"/>
      <c r="E43" s="850" t="s">
        <v>128</v>
      </c>
      <c r="F43" s="852" t="s">
        <v>128</v>
      </c>
      <c r="G43" s="852" t="s">
        <v>128</v>
      </c>
      <c r="H43" s="854" t="s">
        <v>128</v>
      </c>
      <c r="I43" s="887"/>
      <c r="J43" s="888"/>
      <c r="K43" s="245">
        <v>420</v>
      </c>
      <c r="L43" s="248" t="s">
        <v>143</v>
      </c>
      <c r="M43" s="251" t="s">
        <v>148</v>
      </c>
    </row>
    <row r="44" spans="1:13" ht="13.95" customHeight="1" x14ac:dyDescent="0.15">
      <c r="A44" s="872"/>
      <c r="B44" s="856"/>
      <c r="C44" s="858"/>
      <c r="D44" s="250" t="s">
        <v>147</v>
      </c>
      <c r="E44" s="856"/>
      <c r="F44" s="857"/>
      <c r="G44" s="857"/>
      <c r="H44" s="858"/>
      <c r="I44" s="887"/>
      <c r="J44" s="888"/>
      <c r="K44" s="244"/>
      <c r="L44" s="247"/>
      <c r="M44" s="249" t="s">
        <v>146</v>
      </c>
    </row>
    <row r="45" spans="1:13" ht="13.95" customHeight="1" x14ac:dyDescent="0.15">
      <c r="A45" s="871" t="s">
        <v>145</v>
      </c>
      <c r="B45" s="850" t="s">
        <v>128</v>
      </c>
      <c r="C45" s="854" t="s">
        <v>129</v>
      </c>
      <c r="D45" s="250" t="s">
        <v>144</v>
      </c>
      <c r="E45" s="850" t="s">
        <v>129</v>
      </c>
      <c r="F45" s="852" t="s">
        <v>129</v>
      </c>
      <c r="G45" s="852" t="s">
        <v>129</v>
      </c>
      <c r="H45" s="854" t="s">
        <v>128</v>
      </c>
      <c r="I45" s="887"/>
      <c r="J45" s="888"/>
      <c r="K45" s="242">
        <v>420</v>
      </c>
      <c r="L45" s="248" t="s">
        <v>143</v>
      </c>
      <c r="M45" s="251" t="s">
        <v>142</v>
      </c>
    </row>
    <row r="46" spans="1:13" ht="13.95" customHeight="1" x14ac:dyDescent="0.15">
      <c r="A46" s="872"/>
      <c r="B46" s="856"/>
      <c r="C46" s="858"/>
      <c r="D46" s="250" t="s">
        <v>141</v>
      </c>
      <c r="E46" s="856"/>
      <c r="F46" s="857"/>
      <c r="G46" s="857"/>
      <c r="H46" s="858"/>
      <c r="I46" s="887"/>
      <c r="J46" s="888"/>
      <c r="K46" s="244"/>
      <c r="L46" s="247"/>
      <c r="M46" s="249" t="s">
        <v>140</v>
      </c>
    </row>
    <row r="47" spans="1:13" ht="13.95" customHeight="1" x14ac:dyDescent="0.15">
      <c r="A47" s="871" t="s">
        <v>139</v>
      </c>
      <c r="B47" s="850" t="s">
        <v>128</v>
      </c>
      <c r="C47" s="854" t="s">
        <v>129</v>
      </c>
      <c r="D47" s="250" t="s">
        <v>138</v>
      </c>
      <c r="E47" s="850" t="s">
        <v>128</v>
      </c>
      <c r="F47" s="852" t="s">
        <v>129</v>
      </c>
      <c r="G47" s="852" t="s">
        <v>128</v>
      </c>
      <c r="H47" s="854" t="s">
        <v>128</v>
      </c>
      <c r="I47" s="887"/>
      <c r="J47" s="888"/>
      <c r="K47" s="245">
        <v>420</v>
      </c>
      <c r="L47" s="246" t="s">
        <v>133</v>
      </c>
      <c r="M47" s="251" t="s">
        <v>137</v>
      </c>
    </row>
    <row r="48" spans="1:13" ht="13.95" customHeight="1" x14ac:dyDescent="0.15">
      <c r="A48" s="872"/>
      <c r="B48" s="856"/>
      <c r="C48" s="858"/>
      <c r="D48" s="252"/>
      <c r="E48" s="856"/>
      <c r="F48" s="857"/>
      <c r="G48" s="857"/>
      <c r="H48" s="858"/>
      <c r="I48" s="887"/>
      <c r="J48" s="888"/>
      <c r="K48" s="244"/>
      <c r="L48" s="243"/>
      <c r="M48" s="249" t="s">
        <v>136</v>
      </c>
    </row>
    <row r="49" spans="1:13" ht="13.95" customHeight="1" x14ac:dyDescent="0.15">
      <c r="A49" s="871" t="s">
        <v>135</v>
      </c>
      <c r="B49" s="850" t="s">
        <v>128</v>
      </c>
      <c r="C49" s="854" t="s">
        <v>128</v>
      </c>
      <c r="D49" s="252"/>
      <c r="E49" s="850" t="s">
        <v>129</v>
      </c>
      <c r="F49" s="852" t="s">
        <v>128</v>
      </c>
      <c r="G49" s="852" t="s">
        <v>128</v>
      </c>
      <c r="H49" s="854" t="s">
        <v>128</v>
      </c>
      <c r="I49" s="887"/>
      <c r="J49" s="888"/>
      <c r="K49" s="245">
        <v>420</v>
      </c>
      <c r="L49" s="241">
        <v>100</v>
      </c>
      <c r="M49" s="251" t="s">
        <v>134</v>
      </c>
    </row>
    <row r="50" spans="1:13" ht="13.95" customHeight="1" x14ac:dyDescent="0.15">
      <c r="A50" s="872"/>
      <c r="B50" s="856"/>
      <c r="C50" s="858"/>
      <c r="D50" s="252"/>
      <c r="E50" s="856"/>
      <c r="F50" s="857"/>
      <c r="G50" s="857"/>
      <c r="H50" s="858"/>
      <c r="I50" s="887"/>
      <c r="J50" s="888"/>
      <c r="K50" s="244"/>
      <c r="L50" s="243" t="s">
        <v>133</v>
      </c>
      <c r="M50" s="249" t="s">
        <v>132</v>
      </c>
    </row>
    <row r="51" spans="1:13" ht="13.95" customHeight="1" x14ac:dyDescent="0.15">
      <c r="A51" s="871" t="s">
        <v>131</v>
      </c>
      <c r="B51" s="850" t="s">
        <v>129</v>
      </c>
      <c r="C51" s="854" t="s">
        <v>129</v>
      </c>
      <c r="D51" s="252"/>
      <c r="E51" s="850" t="s">
        <v>129</v>
      </c>
      <c r="F51" s="852" t="s">
        <v>130</v>
      </c>
      <c r="G51" s="852" t="s">
        <v>129</v>
      </c>
      <c r="H51" s="854" t="s">
        <v>128</v>
      </c>
      <c r="I51" s="887"/>
      <c r="J51" s="888"/>
      <c r="K51" s="242">
        <v>420</v>
      </c>
      <c r="L51" s="241">
        <v>80</v>
      </c>
      <c r="M51" s="570" t="s">
        <v>127</v>
      </c>
    </row>
    <row r="52" spans="1:13" ht="13.95" customHeight="1" thickBot="1" x14ac:dyDescent="0.2">
      <c r="A52" s="873"/>
      <c r="B52" s="851"/>
      <c r="C52" s="855"/>
      <c r="D52" s="571"/>
      <c r="E52" s="851"/>
      <c r="F52" s="853"/>
      <c r="G52" s="853"/>
      <c r="H52" s="855"/>
      <c r="I52" s="889"/>
      <c r="J52" s="890"/>
      <c r="K52" s="240"/>
      <c r="L52" s="239" t="s">
        <v>126</v>
      </c>
      <c r="M52" s="572" t="s">
        <v>125</v>
      </c>
    </row>
    <row r="53" spans="1:13" x14ac:dyDescent="0.15">
      <c r="A53" s="237" t="s">
        <v>124</v>
      </c>
      <c r="M53" s="891" t="s">
        <v>123</v>
      </c>
    </row>
    <row r="54" spans="1:13" x14ac:dyDescent="0.15">
      <c r="A54" s="237" t="s">
        <v>122</v>
      </c>
      <c r="M54" s="892"/>
    </row>
    <row r="55" spans="1:13" x14ac:dyDescent="0.15">
      <c r="A55" s="237" t="s">
        <v>121</v>
      </c>
      <c r="M55" s="573"/>
    </row>
    <row r="57" spans="1:13" ht="8.25" customHeight="1" x14ac:dyDescent="0.15"/>
    <row r="60" spans="1:13" ht="19.5" customHeight="1" x14ac:dyDescent="0.15">
      <c r="M60" s="574"/>
    </row>
    <row r="61" spans="1:13" x14ac:dyDescent="0.15">
      <c r="A61" s="238"/>
      <c r="M61" s="574"/>
    </row>
  </sheetData>
  <mergeCells count="155">
    <mergeCell ref="B43:B44"/>
    <mergeCell ref="C43:C44"/>
    <mergeCell ref="C45:C46"/>
    <mergeCell ref="E6:F6"/>
    <mergeCell ref="E7:F7"/>
    <mergeCell ref="C49:C50"/>
    <mergeCell ref="C51:C52"/>
    <mergeCell ref="B47:B48"/>
    <mergeCell ref="B49:B50"/>
    <mergeCell ref="B51:B52"/>
    <mergeCell ref="B45:B46"/>
    <mergeCell ref="E34:F34"/>
    <mergeCell ref="E36:F36"/>
    <mergeCell ref="E25:F25"/>
    <mergeCell ref="E26:F26"/>
    <mergeCell ref="E37:F37"/>
    <mergeCell ref="E38:F38"/>
    <mergeCell ref="E28:F28"/>
    <mergeCell ref="E30:F30"/>
    <mergeCell ref="E31:F31"/>
    <mergeCell ref="E19:F19"/>
    <mergeCell ref="E20:F20"/>
    <mergeCell ref="E21:F21"/>
    <mergeCell ref="E17:F17"/>
    <mergeCell ref="I41:J52"/>
    <mergeCell ref="M53:M54"/>
    <mergeCell ref="G6:H6"/>
    <mergeCell ref="B31:C31"/>
    <mergeCell ref="B24:C24"/>
    <mergeCell ref="B27:C27"/>
    <mergeCell ref="B28:C28"/>
    <mergeCell ref="B29:C29"/>
    <mergeCell ref="B30:C30"/>
    <mergeCell ref="B7:C7"/>
    <mergeCell ref="L5:L6"/>
    <mergeCell ref="J3:J6"/>
    <mergeCell ref="K5:K6"/>
    <mergeCell ref="E3:H4"/>
    <mergeCell ref="K3:L4"/>
    <mergeCell ref="D3:D5"/>
    <mergeCell ref="E8:F8"/>
    <mergeCell ref="B25:C25"/>
    <mergeCell ref="E33:F33"/>
    <mergeCell ref="E29:F29"/>
    <mergeCell ref="E32:F32"/>
    <mergeCell ref="E13:F13"/>
    <mergeCell ref="E14:F14"/>
    <mergeCell ref="E39:F39"/>
    <mergeCell ref="A4:A5"/>
    <mergeCell ref="B3:C6"/>
    <mergeCell ref="B22:C22"/>
    <mergeCell ref="B23:C23"/>
    <mergeCell ref="B15:C15"/>
    <mergeCell ref="B16:C16"/>
    <mergeCell ref="B17:C17"/>
    <mergeCell ref="B18:C18"/>
    <mergeCell ref="B8:C8"/>
    <mergeCell ref="B19:C19"/>
    <mergeCell ref="B21:C21"/>
    <mergeCell ref="B20:C20"/>
    <mergeCell ref="B10:C10"/>
    <mergeCell ref="B11:C11"/>
    <mergeCell ref="B12:C12"/>
    <mergeCell ref="B13:C13"/>
    <mergeCell ref="B14:C14"/>
    <mergeCell ref="A49:A50"/>
    <mergeCell ref="A51:A52"/>
    <mergeCell ref="A41:A42"/>
    <mergeCell ref="A43:A44"/>
    <mergeCell ref="A45:A46"/>
    <mergeCell ref="A47:A48"/>
    <mergeCell ref="B9:C9"/>
    <mergeCell ref="E9:F9"/>
    <mergeCell ref="C47:C48"/>
    <mergeCell ref="B41:B42"/>
    <mergeCell ref="C41:C42"/>
    <mergeCell ref="B37:C37"/>
    <mergeCell ref="B38:C38"/>
    <mergeCell ref="B39:C39"/>
    <mergeCell ref="B26:C26"/>
    <mergeCell ref="B32:C32"/>
    <mergeCell ref="B33:C33"/>
    <mergeCell ref="B34:C34"/>
    <mergeCell ref="E15:F15"/>
    <mergeCell ref="E10:F10"/>
    <mergeCell ref="E11:F11"/>
    <mergeCell ref="E12:F12"/>
    <mergeCell ref="B35:C35"/>
    <mergeCell ref="B36:C36"/>
    <mergeCell ref="E16:F16"/>
    <mergeCell ref="G23:H23"/>
    <mergeCell ref="G19:H19"/>
    <mergeCell ref="G7:H7"/>
    <mergeCell ref="G8:H8"/>
    <mergeCell ref="G9:H9"/>
    <mergeCell ref="G10:H10"/>
    <mergeCell ref="E35:F35"/>
    <mergeCell ref="E22:F22"/>
    <mergeCell ref="E23:F23"/>
    <mergeCell ref="E24:F24"/>
    <mergeCell ref="E27:F27"/>
    <mergeCell ref="E18:F18"/>
    <mergeCell ref="G11:H11"/>
    <mergeCell ref="G12:H12"/>
    <mergeCell ref="G13:H13"/>
    <mergeCell ref="G14:H14"/>
    <mergeCell ref="G24:H24"/>
    <mergeCell ref="G27:H27"/>
    <mergeCell ref="G25:H25"/>
    <mergeCell ref="G34:H34"/>
    <mergeCell ref="G20:H20"/>
    <mergeCell ref="G21:H21"/>
    <mergeCell ref="G22:H22"/>
    <mergeCell ref="G15:H15"/>
    <mergeCell ref="G16:H16"/>
    <mergeCell ref="G17:H17"/>
    <mergeCell ref="G18:H18"/>
    <mergeCell ref="G45:G46"/>
    <mergeCell ref="H45:H46"/>
    <mergeCell ref="G38:H38"/>
    <mergeCell ref="G39:H39"/>
    <mergeCell ref="G26:H26"/>
    <mergeCell ref="G28:H28"/>
    <mergeCell ref="G29:H29"/>
    <mergeCell ref="G35:H35"/>
    <mergeCell ref="G32:H32"/>
    <mergeCell ref="G30:H30"/>
    <mergeCell ref="G31:H31"/>
    <mergeCell ref="G33:H33"/>
    <mergeCell ref="G36:H36"/>
    <mergeCell ref="G37:H37"/>
    <mergeCell ref="M3:M5"/>
    <mergeCell ref="I3:I5"/>
    <mergeCell ref="E51:E52"/>
    <mergeCell ref="F51:F52"/>
    <mergeCell ref="G51:G52"/>
    <mergeCell ref="H51:H52"/>
    <mergeCell ref="E49:E50"/>
    <mergeCell ref="F49:F50"/>
    <mergeCell ref="G49:G50"/>
    <mergeCell ref="H49:H50"/>
    <mergeCell ref="E43:E44"/>
    <mergeCell ref="F43:F44"/>
    <mergeCell ref="G43:G44"/>
    <mergeCell ref="H43:H44"/>
    <mergeCell ref="E41:E42"/>
    <mergeCell ref="F41:F42"/>
    <mergeCell ref="G41:G42"/>
    <mergeCell ref="H41:H42"/>
    <mergeCell ref="E47:E48"/>
    <mergeCell ref="F47:F48"/>
    <mergeCell ref="G47:G48"/>
    <mergeCell ref="H47:H48"/>
    <mergeCell ref="E45:E46"/>
    <mergeCell ref="F45:F46"/>
  </mergeCells>
  <phoneticPr fontId="5"/>
  <printOptions horizontalCentered="1" verticalCentered="1" gridLinesSet="0"/>
  <pageMargins left="0.78740157480314965" right="0.55118110236220474" top="0.39370078740157483" bottom="0.19685039370078741" header="0.19685039370078741" footer="0.19685039370078741"/>
  <pageSetup paperSize="9" scale="90" orientation="portrait" blackAndWhite="1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A52"/>
  <sheetViews>
    <sheetView zoomScaleNormal="100" zoomScaleSheetLayoutView="100" workbookViewId="0">
      <pane xSplit="2" ySplit="6" topLeftCell="C7" activePane="bottomRight" state="frozen"/>
      <selection activeCell="C1" sqref="C1:D1048576"/>
      <selection pane="topRight" activeCell="C1" sqref="C1:D1048576"/>
      <selection pane="bottomLeft" activeCell="C1" sqref="C1:D1048576"/>
      <selection pane="bottomRight"/>
    </sheetView>
  </sheetViews>
  <sheetFormatPr defaultColWidth="9" defaultRowHeight="9.6" x14ac:dyDescent="0.15"/>
  <cols>
    <col min="1" max="1" width="3.6640625" style="292" customWidth="1"/>
    <col min="2" max="4" width="10.77734375" style="292" customWidth="1"/>
    <col min="5" max="5" width="11.77734375" style="292" customWidth="1"/>
    <col min="6" max="7" width="9.33203125" style="292" customWidth="1"/>
    <col min="8" max="8" width="14.33203125" style="292" customWidth="1"/>
    <col min="9" max="10" width="9.33203125" style="292" customWidth="1"/>
    <col min="11" max="11" width="14.33203125" style="292" customWidth="1"/>
    <col min="12" max="12" width="10" style="292" customWidth="1"/>
    <col min="13" max="13" width="9.33203125" style="292" customWidth="1"/>
    <col min="14" max="14" width="14.33203125" style="292" customWidth="1"/>
    <col min="15" max="15" width="3.6640625" style="292" customWidth="1"/>
    <col min="16" max="17" width="10" style="292" customWidth="1"/>
    <col min="18" max="18" width="10.6640625" style="292" customWidth="1"/>
    <col min="19" max="19" width="12.44140625" style="292" customWidth="1"/>
    <col min="20" max="20" width="10" style="292" customWidth="1"/>
    <col min="21" max="21" width="10.6640625" style="292" customWidth="1"/>
    <col min="22" max="22" width="12.44140625" style="292" customWidth="1"/>
    <col min="23" max="23" width="10" style="292" customWidth="1"/>
    <col min="24" max="24" width="10.6640625" style="292" customWidth="1"/>
    <col min="25" max="25" width="12.44140625" style="292" customWidth="1"/>
    <col min="26" max="26" width="12.33203125" style="292" customWidth="1"/>
    <col min="27" max="27" width="17.44140625" style="292" customWidth="1"/>
    <col min="28" max="28" width="3.6640625" style="292" customWidth="1"/>
    <col min="29" max="29" width="10" style="292" customWidth="1"/>
    <col min="30" max="30" width="6.6640625" style="292" customWidth="1"/>
    <col min="31" max="31" width="6.88671875" style="292" customWidth="1"/>
    <col min="32" max="32" width="11.109375" style="292" customWidth="1"/>
    <col min="33" max="33" width="6.88671875" style="292" customWidth="1"/>
    <col min="34" max="34" width="11.109375" style="292" customWidth="1"/>
    <col min="35" max="35" width="7.44140625" style="292" customWidth="1"/>
    <col min="36" max="36" width="11.109375" style="292" customWidth="1"/>
    <col min="37" max="37" width="7.44140625" style="292" customWidth="1"/>
    <col min="38" max="38" width="11.109375" style="292" customWidth="1"/>
    <col min="39" max="39" width="6.88671875" style="292" customWidth="1"/>
    <col min="40" max="40" width="11.109375" style="292" customWidth="1"/>
    <col min="41" max="41" width="6.88671875" style="292" customWidth="1"/>
    <col min="42" max="42" width="10.6640625" style="292" customWidth="1"/>
    <col min="43" max="43" width="7.44140625" style="292" customWidth="1"/>
    <col min="44" max="44" width="11.88671875" style="292" customWidth="1"/>
    <col min="45" max="45" width="5.109375" style="292" bestFit="1" customWidth="1"/>
    <col min="46" max="46" width="11" style="292" customWidth="1"/>
    <col min="47" max="47" width="3.6640625" style="292" customWidth="1"/>
    <col min="48" max="48" width="10" style="292" customWidth="1"/>
    <col min="49" max="49" width="6.109375" style="292" customWidth="1"/>
    <col min="50" max="50" width="11.109375" style="292" customWidth="1"/>
    <col min="51" max="51" width="10.6640625" style="292" customWidth="1"/>
    <col min="52" max="52" width="17.6640625" style="292" customWidth="1"/>
    <col min="53" max="54" width="16.109375" style="292" customWidth="1"/>
    <col min="55" max="55" width="13.88671875" style="292" customWidth="1"/>
    <col min="56" max="56" width="9.6640625" style="292" customWidth="1"/>
    <col min="57" max="57" width="14.33203125" style="292" customWidth="1"/>
    <col min="58" max="58" width="5.109375" style="292" customWidth="1"/>
    <col min="59" max="59" width="10.88671875" style="292" customWidth="1"/>
    <col min="60" max="60" width="3.44140625" style="292" customWidth="1"/>
    <col min="61" max="61" width="10" style="292" customWidth="1"/>
    <col min="62" max="62" width="6.88671875" style="292" customWidth="1"/>
    <col min="63" max="63" width="12.44140625" style="292" customWidth="1"/>
    <col min="64" max="64" width="6.88671875" style="292" customWidth="1"/>
    <col min="65" max="65" width="12.44140625" style="292" customWidth="1"/>
    <col min="66" max="66" width="6.88671875" style="292" customWidth="1"/>
    <col min="67" max="67" width="9.88671875" style="292" customWidth="1"/>
    <col min="68" max="68" width="6.88671875" style="292" customWidth="1"/>
    <col min="69" max="69" width="8.44140625" style="292" customWidth="1"/>
    <col min="70" max="70" width="7" style="292" customWidth="1"/>
    <col min="71" max="71" width="10.6640625" style="292" customWidth="1"/>
    <col min="72" max="72" width="6.88671875" style="292" customWidth="1"/>
    <col min="73" max="73" width="13.88671875" style="292" customWidth="1"/>
    <col min="74" max="74" width="11.44140625" style="292" customWidth="1"/>
    <col min="75" max="75" width="14.88671875" style="292" customWidth="1"/>
    <col min="76" max="78" width="9" style="292"/>
    <col min="79" max="79" width="0" style="292" hidden="1" customWidth="1"/>
    <col min="80" max="16384" width="9" style="292"/>
  </cols>
  <sheetData>
    <row r="1" spans="1:79" s="414" customFormat="1" ht="18" customHeight="1" x14ac:dyDescent="0.2">
      <c r="A1" s="415" t="s">
        <v>319</v>
      </c>
      <c r="B1" s="415"/>
      <c r="D1" s="415"/>
      <c r="E1" s="415"/>
      <c r="F1" s="415"/>
      <c r="G1" s="415"/>
      <c r="H1" s="415"/>
      <c r="I1" s="415"/>
      <c r="J1" s="415"/>
      <c r="K1" s="415"/>
      <c r="L1" s="415"/>
      <c r="M1" s="415"/>
      <c r="N1" s="916" t="s">
        <v>314</v>
      </c>
      <c r="O1" s="415" t="s">
        <v>318</v>
      </c>
      <c r="P1" s="415"/>
      <c r="Q1" s="415"/>
      <c r="R1" s="415"/>
      <c r="S1" s="415"/>
      <c r="T1" s="415"/>
      <c r="U1" s="415"/>
      <c r="V1" s="415"/>
      <c r="W1" s="415"/>
      <c r="X1" s="415"/>
      <c r="Y1" s="415"/>
      <c r="Z1" s="415"/>
      <c r="AA1" s="916" t="s">
        <v>314</v>
      </c>
      <c r="AB1" s="415" t="s">
        <v>317</v>
      </c>
      <c r="AC1" s="415"/>
      <c r="AE1" s="415"/>
      <c r="AF1" s="415"/>
      <c r="AG1" s="415"/>
      <c r="AH1" s="415"/>
      <c r="AI1" s="415"/>
      <c r="AJ1" s="415"/>
      <c r="AK1" s="415"/>
      <c r="AL1" s="415"/>
      <c r="AM1" s="415"/>
      <c r="AN1" s="415"/>
      <c r="AO1" s="415"/>
      <c r="AP1" s="415"/>
      <c r="AQ1" s="415"/>
      <c r="AR1" s="916" t="s">
        <v>314</v>
      </c>
      <c r="AS1" s="575"/>
      <c r="AT1" s="575"/>
      <c r="AU1" s="415" t="s">
        <v>316</v>
      </c>
      <c r="AV1" s="415"/>
      <c r="AW1" s="415"/>
      <c r="AX1" s="415"/>
      <c r="AY1" s="576"/>
      <c r="AZ1" s="415"/>
      <c r="BB1" s="415"/>
      <c r="BC1" s="415"/>
      <c r="BD1" s="415"/>
      <c r="BE1" s="577"/>
      <c r="BF1" s="577"/>
      <c r="BG1" s="916" t="s">
        <v>314</v>
      </c>
      <c r="BH1" s="415" t="s">
        <v>315</v>
      </c>
      <c r="BI1" s="415"/>
      <c r="BK1" s="415"/>
      <c r="BL1" s="415"/>
      <c r="BM1" s="415"/>
      <c r="BN1" s="415"/>
      <c r="BO1" s="415"/>
      <c r="BP1" s="415"/>
      <c r="BQ1" s="415"/>
      <c r="BR1" s="415"/>
      <c r="BS1" s="415"/>
      <c r="BT1" s="415"/>
      <c r="BU1" s="415"/>
      <c r="BV1" s="415"/>
      <c r="BW1" s="916" t="s">
        <v>314</v>
      </c>
    </row>
    <row r="2" spans="1:79" ht="4.5" customHeight="1" thickBot="1" x14ac:dyDescent="0.2">
      <c r="A2" s="412"/>
      <c r="B2" s="412"/>
      <c r="D2" s="412"/>
      <c r="E2" s="412"/>
      <c r="F2" s="412"/>
      <c r="G2" s="412"/>
      <c r="H2" s="412"/>
      <c r="I2" s="412"/>
      <c r="J2" s="412"/>
      <c r="K2" s="412"/>
      <c r="L2" s="412"/>
      <c r="M2" s="412"/>
      <c r="N2" s="917"/>
      <c r="O2" s="412"/>
      <c r="P2" s="412"/>
      <c r="Q2" s="412"/>
      <c r="R2" s="412"/>
      <c r="S2" s="412"/>
      <c r="T2" s="412"/>
      <c r="U2" s="412"/>
      <c r="V2" s="412"/>
      <c r="W2" s="412"/>
      <c r="X2" s="412"/>
      <c r="Y2" s="412"/>
      <c r="Z2" s="412"/>
      <c r="AA2" s="917"/>
      <c r="AB2" s="412"/>
      <c r="AC2" s="412"/>
      <c r="AE2" s="412"/>
      <c r="AF2" s="412"/>
      <c r="AG2" s="412"/>
      <c r="AH2" s="412"/>
      <c r="AI2" s="412"/>
      <c r="AJ2" s="412"/>
      <c r="AK2" s="412"/>
      <c r="AL2" s="412"/>
      <c r="AM2" s="412"/>
      <c r="AN2" s="412"/>
      <c r="AO2" s="412"/>
      <c r="AP2" s="412"/>
      <c r="AQ2" s="412"/>
      <c r="AR2" s="917"/>
      <c r="AS2" s="575"/>
      <c r="AT2" s="575"/>
      <c r="AU2" s="412"/>
      <c r="AV2" s="412"/>
      <c r="AW2" s="412"/>
      <c r="AX2" s="412"/>
      <c r="AY2" s="578"/>
      <c r="AZ2" s="412"/>
      <c r="BB2" s="412"/>
      <c r="BC2" s="412"/>
      <c r="BD2" s="412"/>
      <c r="BE2" s="413"/>
      <c r="BF2" s="413"/>
      <c r="BG2" s="916"/>
      <c r="BH2" s="412"/>
      <c r="BI2" s="412"/>
      <c r="BK2" s="412"/>
      <c r="BL2" s="412"/>
      <c r="BM2" s="412"/>
      <c r="BN2" s="412"/>
      <c r="BO2" s="413"/>
      <c r="BP2" s="412"/>
      <c r="BQ2" s="412"/>
      <c r="BR2" s="412"/>
      <c r="BS2" s="412"/>
      <c r="BT2" s="412"/>
      <c r="BU2" s="413"/>
      <c r="BV2" s="412"/>
      <c r="BW2" s="916"/>
    </row>
    <row r="3" spans="1:79" s="294" customFormat="1" ht="10.5" customHeight="1" x14ac:dyDescent="0.2">
      <c r="A3" s="918" t="s">
        <v>237</v>
      </c>
      <c r="B3" s="992"/>
      <c r="C3" s="579" t="s">
        <v>313</v>
      </c>
      <c r="D3" s="580"/>
      <c r="E3" s="580"/>
      <c r="F3" s="580"/>
      <c r="G3" s="580"/>
      <c r="H3" s="581"/>
      <c r="I3" s="580"/>
      <c r="J3" s="580"/>
      <c r="K3" s="580"/>
      <c r="L3" s="580"/>
      <c r="M3" s="580"/>
      <c r="N3" s="582"/>
      <c r="O3" s="918" t="s">
        <v>237</v>
      </c>
      <c r="P3" s="919"/>
      <c r="Q3" s="996" t="s">
        <v>312</v>
      </c>
      <c r="R3" s="997"/>
      <c r="S3" s="997"/>
      <c r="T3" s="997"/>
      <c r="U3" s="997"/>
      <c r="V3" s="997"/>
      <c r="W3" s="997"/>
      <c r="X3" s="997"/>
      <c r="Y3" s="997"/>
      <c r="Z3" s="997"/>
      <c r="AA3" s="998"/>
      <c r="AB3" s="918" t="s">
        <v>237</v>
      </c>
      <c r="AC3" s="919"/>
      <c r="AD3" s="935" t="s">
        <v>311</v>
      </c>
      <c r="AE3" s="936"/>
      <c r="AF3" s="936"/>
      <c r="AG3" s="936"/>
      <c r="AH3" s="936"/>
      <c r="AI3" s="936"/>
      <c r="AJ3" s="936"/>
      <c r="AK3" s="936"/>
      <c r="AL3" s="936"/>
      <c r="AM3" s="936"/>
      <c r="AN3" s="936"/>
      <c r="AO3" s="936"/>
      <c r="AP3" s="936"/>
      <c r="AQ3" s="936"/>
      <c r="AR3" s="936"/>
      <c r="AS3" s="937"/>
      <c r="AT3" s="938"/>
      <c r="AU3" s="918" t="s">
        <v>237</v>
      </c>
      <c r="AV3" s="919"/>
      <c r="AW3" s="978" t="s">
        <v>310</v>
      </c>
      <c r="AX3" s="979"/>
      <c r="AY3" s="972" t="s">
        <v>309</v>
      </c>
      <c r="AZ3" s="973"/>
      <c r="BA3" s="936" t="s">
        <v>308</v>
      </c>
      <c r="BB3" s="963"/>
      <c r="BC3" s="963"/>
      <c r="BD3" s="935" t="s">
        <v>307</v>
      </c>
      <c r="BE3" s="936"/>
      <c r="BF3" s="980" t="s">
        <v>306</v>
      </c>
      <c r="BG3" s="947"/>
      <c r="BH3" s="918" t="s">
        <v>237</v>
      </c>
      <c r="BI3" s="919"/>
      <c r="BJ3" s="935" t="s">
        <v>305</v>
      </c>
      <c r="BK3" s="936"/>
      <c r="BL3" s="936"/>
      <c r="BM3" s="936"/>
      <c r="BN3" s="936"/>
      <c r="BO3" s="936"/>
      <c r="BP3" s="936"/>
      <c r="BQ3" s="936"/>
      <c r="BR3" s="936"/>
      <c r="BS3" s="936"/>
      <c r="BT3" s="936"/>
      <c r="BU3" s="988"/>
      <c r="BV3" s="946" t="s">
        <v>304</v>
      </c>
      <c r="BW3" s="947"/>
    </row>
    <row r="4" spans="1:79" s="294" customFormat="1" ht="10.5" customHeight="1" x14ac:dyDescent="0.2">
      <c r="A4" s="920"/>
      <c r="B4" s="993"/>
      <c r="C4" s="583" t="s">
        <v>303</v>
      </c>
      <c r="D4" s="584"/>
      <c r="E4" s="584"/>
      <c r="F4" s="584"/>
      <c r="G4" s="584"/>
      <c r="H4" s="585"/>
      <c r="I4" s="584"/>
      <c r="J4" s="584"/>
      <c r="K4" s="584"/>
      <c r="L4" s="584"/>
      <c r="M4" s="584"/>
      <c r="N4" s="586"/>
      <c r="O4" s="920"/>
      <c r="P4" s="921"/>
      <c r="Q4" s="1007" t="s">
        <v>302</v>
      </c>
      <c r="R4" s="1008"/>
      <c r="S4" s="1009"/>
      <c r="T4" s="999" t="s">
        <v>301</v>
      </c>
      <c r="U4" s="925"/>
      <c r="V4" s="926"/>
      <c r="W4" s="924" t="s">
        <v>300</v>
      </c>
      <c r="X4" s="925"/>
      <c r="Y4" s="926"/>
      <c r="Z4" s="924" t="s">
        <v>299</v>
      </c>
      <c r="AA4" s="1013"/>
      <c r="AB4" s="920"/>
      <c r="AC4" s="921"/>
      <c r="AD4" s="933" t="s">
        <v>298</v>
      </c>
      <c r="AE4" s="939" t="s">
        <v>297</v>
      </c>
      <c r="AF4" s="940"/>
      <c r="AG4" s="940"/>
      <c r="AH4" s="940"/>
      <c r="AI4" s="940"/>
      <c r="AJ4" s="940"/>
      <c r="AK4" s="940"/>
      <c r="AL4" s="940"/>
      <c r="AM4" s="940"/>
      <c r="AN4" s="940"/>
      <c r="AO4" s="940"/>
      <c r="AP4" s="940"/>
      <c r="AQ4" s="940"/>
      <c r="AR4" s="940"/>
      <c r="AS4" s="941"/>
      <c r="AT4" s="942"/>
      <c r="AU4" s="920"/>
      <c r="AV4" s="921"/>
      <c r="AW4" s="954" t="s">
        <v>296</v>
      </c>
      <c r="AX4" s="955"/>
      <c r="AY4" s="974"/>
      <c r="AZ4" s="975"/>
      <c r="BA4" s="964"/>
      <c r="BB4" s="964"/>
      <c r="BC4" s="964"/>
      <c r="BD4" s="959"/>
      <c r="BE4" s="960"/>
      <c r="BF4" s="981"/>
      <c r="BG4" s="949"/>
      <c r="BH4" s="920"/>
      <c r="BI4" s="921"/>
      <c r="BJ4" s="961"/>
      <c r="BK4" s="962"/>
      <c r="BL4" s="962"/>
      <c r="BM4" s="962"/>
      <c r="BN4" s="962"/>
      <c r="BO4" s="962"/>
      <c r="BP4" s="962"/>
      <c r="BQ4" s="962"/>
      <c r="BR4" s="962"/>
      <c r="BS4" s="962"/>
      <c r="BT4" s="962"/>
      <c r="BU4" s="989"/>
      <c r="BV4" s="948"/>
      <c r="BW4" s="949"/>
    </row>
    <row r="5" spans="1:79" s="294" customFormat="1" ht="10.5" customHeight="1" x14ac:dyDescent="0.2">
      <c r="A5" s="920"/>
      <c r="B5" s="993"/>
      <c r="C5" s="984" t="s">
        <v>295</v>
      </c>
      <c r="D5" s="1003"/>
      <c r="E5" s="985"/>
      <c r="F5" s="984" t="s">
        <v>294</v>
      </c>
      <c r="G5" s="1003"/>
      <c r="H5" s="1015"/>
      <c r="I5" s="990" t="s">
        <v>293</v>
      </c>
      <c r="J5" s="1003"/>
      <c r="K5" s="985"/>
      <c r="L5" s="984" t="s">
        <v>286</v>
      </c>
      <c r="M5" s="1003"/>
      <c r="N5" s="1004"/>
      <c r="O5" s="920"/>
      <c r="P5" s="921"/>
      <c r="Q5" s="1010"/>
      <c r="R5" s="1011"/>
      <c r="S5" s="1012"/>
      <c r="T5" s="1000"/>
      <c r="U5" s="928"/>
      <c r="V5" s="929"/>
      <c r="W5" s="927"/>
      <c r="X5" s="928"/>
      <c r="Y5" s="929"/>
      <c r="Z5" s="927"/>
      <c r="AA5" s="1014"/>
      <c r="AB5" s="920"/>
      <c r="AC5" s="921"/>
      <c r="AD5" s="934"/>
      <c r="AE5" s="927" t="s">
        <v>292</v>
      </c>
      <c r="AF5" s="945"/>
      <c r="AG5" s="927" t="s">
        <v>291</v>
      </c>
      <c r="AH5" s="930"/>
      <c r="AI5" s="995" t="s">
        <v>290</v>
      </c>
      <c r="AJ5" s="932"/>
      <c r="AK5" s="931" t="s">
        <v>289</v>
      </c>
      <c r="AL5" s="932"/>
      <c r="AM5" s="931" t="s">
        <v>288</v>
      </c>
      <c r="AN5" s="932"/>
      <c r="AO5" s="927" t="s">
        <v>287</v>
      </c>
      <c r="AP5" s="945"/>
      <c r="AQ5" s="927" t="s">
        <v>286</v>
      </c>
      <c r="AR5" s="930"/>
      <c r="AS5" s="943" t="s">
        <v>285</v>
      </c>
      <c r="AT5" s="944"/>
      <c r="AU5" s="920"/>
      <c r="AV5" s="921"/>
      <c r="AW5" s="956"/>
      <c r="AX5" s="957"/>
      <c r="AY5" s="976"/>
      <c r="AZ5" s="977"/>
      <c r="BA5" s="926" t="s">
        <v>284</v>
      </c>
      <c r="BB5" s="965" t="s">
        <v>283</v>
      </c>
      <c r="BC5" s="952" t="s">
        <v>282</v>
      </c>
      <c r="BD5" s="961"/>
      <c r="BE5" s="962"/>
      <c r="BF5" s="982"/>
      <c r="BG5" s="983"/>
      <c r="BH5" s="920"/>
      <c r="BI5" s="921"/>
      <c r="BJ5" s="990" t="s">
        <v>281</v>
      </c>
      <c r="BK5" s="985"/>
      <c r="BL5" s="984" t="s">
        <v>280</v>
      </c>
      <c r="BM5" s="985"/>
      <c r="BN5" s="986" t="s">
        <v>279</v>
      </c>
      <c r="BO5" s="987"/>
      <c r="BP5" s="986" t="s">
        <v>278</v>
      </c>
      <c r="BQ5" s="991"/>
      <c r="BR5" s="984" t="s">
        <v>1</v>
      </c>
      <c r="BS5" s="985"/>
      <c r="BT5" s="939" t="s">
        <v>277</v>
      </c>
      <c r="BU5" s="967"/>
      <c r="BV5" s="950"/>
      <c r="BW5" s="951"/>
    </row>
    <row r="6" spans="1:79" s="294" customFormat="1" ht="10.5" customHeight="1" thickBot="1" x14ac:dyDescent="0.25">
      <c r="A6" s="922"/>
      <c r="B6" s="994"/>
      <c r="C6" s="403" t="s">
        <v>268</v>
      </c>
      <c r="D6" s="587" t="s">
        <v>274</v>
      </c>
      <c r="E6" s="402" t="s">
        <v>267</v>
      </c>
      <c r="F6" s="403" t="s">
        <v>268</v>
      </c>
      <c r="G6" s="587" t="s">
        <v>274</v>
      </c>
      <c r="H6" s="588" t="s">
        <v>267</v>
      </c>
      <c r="I6" s="408" t="s">
        <v>268</v>
      </c>
      <c r="J6" s="587" t="s">
        <v>274</v>
      </c>
      <c r="K6" s="402" t="s">
        <v>267</v>
      </c>
      <c r="L6" s="403" t="s">
        <v>268</v>
      </c>
      <c r="M6" s="587" t="s">
        <v>274</v>
      </c>
      <c r="N6" s="401" t="s">
        <v>267</v>
      </c>
      <c r="O6" s="1005"/>
      <c r="P6" s="1006"/>
      <c r="Q6" s="589" t="s">
        <v>268</v>
      </c>
      <c r="R6" s="590" t="s">
        <v>276</v>
      </c>
      <c r="S6" s="591" t="s">
        <v>267</v>
      </c>
      <c r="T6" s="408" t="s">
        <v>268</v>
      </c>
      <c r="U6" s="587" t="s">
        <v>274</v>
      </c>
      <c r="V6" s="403" t="s">
        <v>267</v>
      </c>
      <c r="W6" s="403" t="s">
        <v>275</v>
      </c>
      <c r="X6" s="587" t="s">
        <v>274</v>
      </c>
      <c r="Y6" s="402" t="s">
        <v>267</v>
      </c>
      <c r="Z6" s="403" t="s">
        <v>271</v>
      </c>
      <c r="AA6" s="401" t="s">
        <v>267</v>
      </c>
      <c r="AB6" s="922"/>
      <c r="AC6" s="923"/>
      <c r="AD6" s="403" t="s">
        <v>271</v>
      </c>
      <c r="AE6" s="403" t="s">
        <v>271</v>
      </c>
      <c r="AF6" s="411" t="s">
        <v>267</v>
      </c>
      <c r="AG6" s="403" t="s">
        <v>271</v>
      </c>
      <c r="AH6" s="409" t="s">
        <v>267</v>
      </c>
      <c r="AI6" s="408" t="s">
        <v>271</v>
      </c>
      <c r="AJ6" s="411" t="s">
        <v>267</v>
      </c>
      <c r="AK6" s="403" t="s">
        <v>271</v>
      </c>
      <c r="AL6" s="411" t="s">
        <v>267</v>
      </c>
      <c r="AM6" s="403" t="s">
        <v>271</v>
      </c>
      <c r="AN6" s="411" t="s">
        <v>267</v>
      </c>
      <c r="AO6" s="403" t="s">
        <v>271</v>
      </c>
      <c r="AP6" s="411" t="s">
        <v>267</v>
      </c>
      <c r="AQ6" s="403" t="s">
        <v>271</v>
      </c>
      <c r="AR6" s="409" t="s">
        <v>272</v>
      </c>
      <c r="AS6" s="406" t="s">
        <v>273</v>
      </c>
      <c r="AT6" s="410" t="s">
        <v>272</v>
      </c>
      <c r="AU6" s="922"/>
      <c r="AV6" s="923"/>
      <c r="AW6" s="403" t="s">
        <v>271</v>
      </c>
      <c r="AX6" s="409" t="s">
        <v>267</v>
      </c>
      <c r="AY6" s="408" t="s">
        <v>271</v>
      </c>
      <c r="AZ6" s="407" t="s">
        <v>267</v>
      </c>
      <c r="BA6" s="958"/>
      <c r="BB6" s="966"/>
      <c r="BC6" s="953"/>
      <c r="BD6" s="406" t="s">
        <v>268</v>
      </c>
      <c r="BE6" s="402" t="s">
        <v>270</v>
      </c>
      <c r="BF6" s="405" t="s">
        <v>268</v>
      </c>
      <c r="BG6" s="404" t="s">
        <v>270</v>
      </c>
      <c r="BH6" s="922"/>
      <c r="BI6" s="923"/>
      <c r="BJ6" s="402" t="s">
        <v>268</v>
      </c>
      <c r="BK6" s="402" t="s">
        <v>267</v>
      </c>
      <c r="BL6" s="402" t="s">
        <v>268</v>
      </c>
      <c r="BM6" s="402" t="s">
        <v>267</v>
      </c>
      <c r="BN6" s="402" t="s">
        <v>268</v>
      </c>
      <c r="BO6" s="402" t="s">
        <v>269</v>
      </c>
      <c r="BP6" s="402" t="s">
        <v>268</v>
      </c>
      <c r="BQ6" s="402" t="s">
        <v>269</v>
      </c>
      <c r="BR6" s="402" t="s">
        <v>268</v>
      </c>
      <c r="BS6" s="403" t="s">
        <v>269</v>
      </c>
      <c r="BT6" s="402" t="s">
        <v>268</v>
      </c>
      <c r="BU6" s="401" t="s">
        <v>269</v>
      </c>
      <c r="BV6" s="400" t="s">
        <v>268</v>
      </c>
      <c r="BW6" s="399" t="s">
        <v>267</v>
      </c>
    </row>
    <row r="7" spans="1:79" s="294" customFormat="1" ht="12.9" customHeight="1" thickTop="1" x14ac:dyDescent="0.15">
      <c r="A7" s="332">
        <v>1</v>
      </c>
      <c r="B7" s="395" t="s">
        <v>266</v>
      </c>
      <c r="C7" s="327">
        <v>131771</v>
      </c>
      <c r="D7" s="327">
        <v>1883250</v>
      </c>
      <c r="E7" s="327">
        <v>82037415730</v>
      </c>
      <c r="F7" s="327">
        <v>5490445</v>
      </c>
      <c r="G7" s="327">
        <v>8376059</v>
      </c>
      <c r="H7" s="326">
        <v>84857198035</v>
      </c>
      <c r="I7" s="324">
        <v>1267967</v>
      </c>
      <c r="J7" s="323">
        <v>2250938</v>
      </c>
      <c r="K7" s="323">
        <v>17728894680</v>
      </c>
      <c r="L7" s="325">
        <v>6890183</v>
      </c>
      <c r="M7" s="325">
        <v>12510247</v>
      </c>
      <c r="N7" s="398">
        <v>184623508445</v>
      </c>
      <c r="O7" s="332">
        <v>1</v>
      </c>
      <c r="P7" s="362" t="s">
        <v>266</v>
      </c>
      <c r="Q7" s="324">
        <v>4120273</v>
      </c>
      <c r="R7" s="323">
        <v>4819813</v>
      </c>
      <c r="S7" s="323">
        <v>50320788750</v>
      </c>
      <c r="T7" s="324">
        <v>119546</v>
      </c>
      <c r="U7" s="323">
        <v>4466087</v>
      </c>
      <c r="V7" s="323">
        <v>3216725547</v>
      </c>
      <c r="W7" s="324">
        <v>33183</v>
      </c>
      <c r="X7" s="323">
        <v>229305</v>
      </c>
      <c r="Y7" s="323">
        <v>2638419220</v>
      </c>
      <c r="Z7" s="325">
        <v>11043639</v>
      </c>
      <c r="AA7" s="306">
        <v>240799441962</v>
      </c>
      <c r="AB7" s="332">
        <v>1</v>
      </c>
      <c r="AC7" s="397" t="s">
        <v>266</v>
      </c>
      <c r="AD7" s="324">
        <v>1561</v>
      </c>
      <c r="AE7" s="323">
        <v>13598</v>
      </c>
      <c r="AF7" s="323">
        <v>220351561</v>
      </c>
      <c r="AG7" s="323">
        <v>4859</v>
      </c>
      <c r="AH7" s="323">
        <v>190843377</v>
      </c>
      <c r="AI7" s="323">
        <v>193838</v>
      </c>
      <c r="AJ7" s="323">
        <v>1508063644</v>
      </c>
      <c r="AK7" s="323">
        <v>17546</v>
      </c>
      <c r="AL7" s="323">
        <v>572216715</v>
      </c>
      <c r="AM7" s="323">
        <v>13244</v>
      </c>
      <c r="AN7" s="323">
        <v>181822210</v>
      </c>
      <c r="AO7" s="323">
        <v>17</v>
      </c>
      <c r="AP7" s="323">
        <v>940575</v>
      </c>
      <c r="AQ7" s="325">
        <v>243102</v>
      </c>
      <c r="AR7" s="325">
        <v>2674238082</v>
      </c>
      <c r="AS7" s="336">
        <v>262</v>
      </c>
      <c r="AT7" s="396">
        <v>14642947</v>
      </c>
      <c r="AU7" s="332">
        <v>1</v>
      </c>
      <c r="AV7" s="395" t="s">
        <v>266</v>
      </c>
      <c r="AW7" s="324">
        <v>9</v>
      </c>
      <c r="AX7" s="323">
        <v>204810</v>
      </c>
      <c r="AY7" s="336">
        <v>11288311</v>
      </c>
      <c r="AZ7" s="335">
        <v>243473884854</v>
      </c>
      <c r="BA7" s="334">
        <v>178648239022</v>
      </c>
      <c r="BB7" s="324">
        <v>57853187511</v>
      </c>
      <c r="BC7" s="323">
        <v>6972458321</v>
      </c>
      <c r="BD7" s="324">
        <v>549796</v>
      </c>
      <c r="BE7" s="323">
        <v>25576823588</v>
      </c>
      <c r="BF7" s="323">
        <v>1047</v>
      </c>
      <c r="BG7" s="333">
        <v>19299254</v>
      </c>
      <c r="BH7" s="332">
        <v>1</v>
      </c>
      <c r="BI7" s="394" t="s">
        <v>266</v>
      </c>
      <c r="BJ7" s="393">
        <v>2123</v>
      </c>
      <c r="BK7" s="393">
        <v>822030111</v>
      </c>
      <c r="BL7" s="393">
        <v>3835</v>
      </c>
      <c r="BM7" s="393">
        <v>191750000</v>
      </c>
      <c r="BN7" s="393">
        <v>86</v>
      </c>
      <c r="BO7" s="393">
        <v>8687184</v>
      </c>
      <c r="BP7" s="393">
        <v>0</v>
      </c>
      <c r="BQ7" s="393">
        <v>0</v>
      </c>
      <c r="BR7" s="393">
        <v>10</v>
      </c>
      <c r="BS7" s="393">
        <v>7300000</v>
      </c>
      <c r="BT7" s="393">
        <v>6054</v>
      </c>
      <c r="BU7" s="392">
        <v>1029767295</v>
      </c>
      <c r="BV7" s="307">
        <v>11294365</v>
      </c>
      <c r="BW7" s="306">
        <v>244503652149</v>
      </c>
      <c r="CA7" s="300" t="e">
        <v>#REF!</v>
      </c>
    </row>
    <row r="8" spans="1:79" s="294" customFormat="1" ht="12.9" customHeight="1" x14ac:dyDescent="0.15">
      <c r="A8" s="332">
        <v>2</v>
      </c>
      <c r="B8" s="361" t="s">
        <v>225</v>
      </c>
      <c r="C8" s="327">
        <v>49209</v>
      </c>
      <c r="D8" s="327">
        <v>691573</v>
      </c>
      <c r="E8" s="327">
        <v>30132838004</v>
      </c>
      <c r="F8" s="327">
        <v>1920742</v>
      </c>
      <c r="G8" s="327">
        <v>2961322</v>
      </c>
      <c r="H8" s="326">
        <v>30369820013</v>
      </c>
      <c r="I8" s="324">
        <v>458792</v>
      </c>
      <c r="J8" s="323">
        <v>814652</v>
      </c>
      <c r="K8" s="323">
        <v>6344698432</v>
      </c>
      <c r="L8" s="325">
        <v>2428743</v>
      </c>
      <c r="M8" s="325">
        <v>4467547</v>
      </c>
      <c r="N8" s="337">
        <v>66847356449</v>
      </c>
      <c r="O8" s="332">
        <v>2</v>
      </c>
      <c r="P8" s="362" t="s">
        <v>225</v>
      </c>
      <c r="Q8" s="324">
        <v>1462253</v>
      </c>
      <c r="R8" s="323">
        <v>1735780</v>
      </c>
      <c r="S8" s="323">
        <v>18051005899</v>
      </c>
      <c r="T8" s="324">
        <v>44373</v>
      </c>
      <c r="U8" s="323">
        <v>1782825</v>
      </c>
      <c r="V8" s="323">
        <v>1182269681</v>
      </c>
      <c r="W8" s="324">
        <v>10972</v>
      </c>
      <c r="X8" s="323">
        <v>82233</v>
      </c>
      <c r="Y8" s="323">
        <v>913286120</v>
      </c>
      <c r="Z8" s="325">
        <v>3901968</v>
      </c>
      <c r="AA8" s="306">
        <v>86993918149</v>
      </c>
      <c r="AB8" s="332">
        <v>2</v>
      </c>
      <c r="AC8" s="362" t="s">
        <v>225</v>
      </c>
      <c r="AD8" s="324">
        <v>1035</v>
      </c>
      <c r="AE8" s="323">
        <v>6222</v>
      </c>
      <c r="AF8" s="323">
        <v>109412223</v>
      </c>
      <c r="AG8" s="323">
        <v>1780</v>
      </c>
      <c r="AH8" s="323">
        <v>66081457</v>
      </c>
      <c r="AI8" s="323">
        <v>75579</v>
      </c>
      <c r="AJ8" s="323">
        <v>556377861</v>
      </c>
      <c r="AK8" s="323">
        <v>8129</v>
      </c>
      <c r="AL8" s="323">
        <v>295063970</v>
      </c>
      <c r="AM8" s="323">
        <v>4622</v>
      </c>
      <c r="AN8" s="323">
        <v>66397820</v>
      </c>
      <c r="AO8" s="323">
        <v>2</v>
      </c>
      <c r="AP8" s="323">
        <v>60020</v>
      </c>
      <c r="AQ8" s="325">
        <v>96334</v>
      </c>
      <c r="AR8" s="325">
        <v>1093393351</v>
      </c>
      <c r="AS8" s="338">
        <v>113</v>
      </c>
      <c r="AT8" s="337">
        <v>4345844</v>
      </c>
      <c r="AU8" s="332">
        <v>2</v>
      </c>
      <c r="AV8" s="361" t="s">
        <v>225</v>
      </c>
      <c r="AW8" s="324">
        <v>11</v>
      </c>
      <c r="AX8" s="323">
        <v>681824</v>
      </c>
      <c r="AY8" s="336">
        <v>3999348</v>
      </c>
      <c r="AZ8" s="335">
        <v>88087993324</v>
      </c>
      <c r="BA8" s="334">
        <v>64389182947</v>
      </c>
      <c r="BB8" s="324">
        <v>20826128792</v>
      </c>
      <c r="BC8" s="323">
        <v>2872681585</v>
      </c>
      <c r="BD8" s="324">
        <v>191030</v>
      </c>
      <c r="BE8" s="323">
        <v>9341458545</v>
      </c>
      <c r="BF8" s="323">
        <v>579</v>
      </c>
      <c r="BG8" s="333">
        <v>21484032</v>
      </c>
      <c r="BH8" s="332">
        <v>2</v>
      </c>
      <c r="BI8" s="389" t="s">
        <v>225</v>
      </c>
      <c r="BJ8" s="359">
        <v>882</v>
      </c>
      <c r="BK8" s="359">
        <v>373748974</v>
      </c>
      <c r="BL8" s="359">
        <v>1360</v>
      </c>
      <c r="BM8" s="359">
        <v>68000000</v>
      </c>
      <c r="BN8" s="359">
        <v>30</v>
      </c>
      <c r="BO8" s="359">
        <v>2383767</v>
      </c>
      <c r="BP8" s="359">
        <v>0</v>
      </c>
      <c r="BQ8" s="359">
        <v>0</v>
      </c>
      <c r="BR8" s="359">
        <v>0</v>
      </c>
      <c r="BS8" s="359">
        <v>0</v>
      </c>
      <c r="BT8" s="359">
        <v>2272</v>
      </c>
      <c r="BU8" s="358">
        <v>444132741</v>
      </c>
      <c r="BV8" s="391">
        <v>4001620</v>
      </c>
      <c r="BW8" s="390">
        <v>88532126065</v>
      </c>
      <c r="CA8" s="300" t="e">
        <v>#REF!</v>
      </c>
    </row>
    <row r="9" spans="1:79" s="294" customFormat="1" ht="12.9" customHeight="1" x14ac:dyDescent="0.15">
      <c r="A9" s="332">
        <v>3</v>
      </c>
      <c r="B9" s="361" t="s">
        <v>223</v>
      </c>
      <c r="C9" s="327">
        <v>18447</v>
      </c>
      <c r="D9" s="327">
        <v>254798</v>
      </c>
      <c r="E9" s="327">
        <v>11316970793</v>
      </c>
      <c r="F9" s="327">
        <v>765339</v>
      </c>
      <c r="G9" s="327">
        <v>1151373</v>
      </c>
      <c r="H9" s="326">
        <v>11756474187</v>
      </c>
      <c r="I9" s="324">
        <v>171660</v>
      </c>
      <c r="J9" s="323">
        <v>300852</v>
      </c>
      <c r="K9" s="323">
        <v>2352140890</v>
      </c>
      <c r="L9" s="325">
        <v>955446</v>
      </c>
      <c r="M9" s="325">
        <v>1707023</v>
      </c>
      <c r="N9" s="321">
        <v>25425585870</v>
      </c>
      <c r="O9" s="332">
        <v>3</v>
      </c>
      <c r="P9" s="362" t="s">
        <v>223</v>
      </c>
      <c r="Q9" s="324">
        <v>599327</v>
      </c>
      <c r="R9" s="323">
        <v>700278</v>
      </c>
      <c r="S9" s="323">
        <v>7257634319</v>
      </c>
      <c r="T9" s="324">
        <v>16681</v>
      </c>
      <c r="U9" s="323">
        <v>656506</v>
      </c>
      <c r="V9" s="323">
        <v>438518948</v>
      </c>
      <c r="W9" s="324">
        <v>3464</v>
      </c>
      <c r="X9" s="323">
        <v>21117</v>
      </c>
      <c r="Y9" s="323">
        <v>245579780</v>
      </c>
      <c r="Z9" s="325">
        <v>1558237</v>
      </c>
      <c r="AA9" s="306">
        <v>33367318917</v>
      </c>
      <c r="AB9" s="332">
        <v>3</v>
      </c>
      <c r="AC9" s="362" t="s">
        <v>223</v>
      </c>
      <c r="AD9" s="324">
        <v>37</v>
      </c>
      <c r="AE9" s="323">
        <v>1305</v>
      </c>
      <c r="AF9" s="323">
        <v>24531652</v>
      </c>
      <c r="AG9" s="323">
        <v>549</v>
      </c>
      <c r="AH9" s="323">
        <v>21723215</v>
      </c>
      <c r="AI9" s="323">
        <v>22852</v>
      </c>
      <c r="AJ9" s="323">
        <v>174752761</v>
      </c>
      <c r="AK9" s="323">
        <v>2432</v>
      </c>
      <c r="AL9" s="323">
        <v>77828810</v>
      </c>
      <c r="AM9" s="323">
        <v>1548</v>
      </c>
      <c r="AN9" s="323">
        <v>18378190</v>
      </c>
      <c r="AO9" s="323">
        <v>4</v>
      </c>
      <c r="AP9" s="323">
        <v>438504</v>
      </c>
      <c r="AQ9" s="325">
        <v>28690</v>
      </c>
      <c r="AR9" s="325">
        <v>317653132</v>
      </c>
      <c r="AS9" s="338">
        <v>7</v>
      </c>
      <c r="AT9" s="337">
        <v>91627</v>
      </c>
      <c r="AU9" s="332">
        <v>3</v>
      </c>
      <c r="AV9" s="361" t="s">
        <v>223</v>
      </c>
      <c r="AW9" s="324">
        <v>1</v>
      </c>
      <c r="AX9" s="323">
        <v>29210</v>
      </c>
      <c r="AY9" s="336">
        <v>1586965</v>
      </c>
      <c r="AZ9" s="335">
        <v>33685001259</v>
      </c>
      <c r="BA9" s="334">
        <v>24832418772</v>
      </c>
      <c r="BB9" s="324">
        <v>7891261299</v>
      </c>
      <c r="BC9" s="323">
        <v>961321188</v>
      </c>
      <c r="BD9" s="324">
        <v>70676</v>
      </c>
      <c r="BE9" s="323">
        <v>3583944617</v>
      </c>
      <c r="BF9" s="323">
        <v>248</v>
      </c>
      <c r="BG9" s="333">
        <v>7271063</v>
      </c>
      <c r="BH9" s="332">
        <v>3</v>
      </c>
      <c r="BI9" s="389" t="s">
        <v>223</v>
      </c>
      <c r="BJ9" s="359">
        <v>242</v>
      </c>
      <c r="BK9" s="359">
        <v>101746180</v>
      </c>
      <c r="BL9" s="359">
        <v>660</v>
      </c>
      <c r="BM9" s="359">
        <v>33000000</v>
      </c>
      <c r="BN9" s="359">
        <v>25</v>
      </c>
      <c r="BO9" s="359">
        <v>1814669</v>
      </c>
      <c r="BP9" s="359">
        <v>0</v>
      </c>
      <c r="BQ9" s="359">
        <v>0</v>
      </c>
      <c r="BR9" s="359">
        <v>0</v>
      </c>
      <c r="BS9" s="359">
        <v>0</v>
      </c>
      <c r="BT9" s="359">
        <v>927</v>
      </c>
      <c r="BU9" s="358">
        <v>136560849</v>
      </c>
      <c r="BV9" s="307">
        <v>1587892</v>
      </c>
      <c r="BW9" s="306">
        <v>33821562108</v>
      </c>
      <c r="CA9" s="300" t="e">
        <v>#REF!</v>
      </c>
    </row>
    <row r="10" spans="1:79" s="294" customFormat="1" ht="12.9" customHeight="1" x14ac:dyDescent="0.15">
      <c r="A10" s="332">
        <v>4</v>
      </c>
      <c r="B10" s="361" t="s">
        <v>221</v>
      </c>
      <c r="C10" s="327">
        <v>11094</v>
      </c>
      <c r="D10" s="327">
        <v>176670</v>
      </c>
      <c r="E10" s="327">
        <v>6667752304</v>
      </c>
      <c r="F10" s="327">
        <v>431385</v>
      </c>
      <c r="G10" s="327">
        <v>656211</v>
      </c>
      <c r="H10" s="326">
        <v>6849027822</v>
      </c>
      <c r="I10" s="324">
        <v>101091</v>
      </c>
      <c r="J10" s="323">
        <v>183502</v>
      </c>
      <c r="K10" s="323">
        <v>1397956360</v>
      </c>
      <c r="L10" s="325">
        <v>543570</v>
      </c>
      <c r="M10" s="325">
        <v>1016383</v>
      </c>
      <c r="N10" s="337">
        <v>14914736486</v>
      </c>
      <c r="O10" s="332">
        <v>4</v>
      </c>
      <c r="P10" s="362" t="s">
        <v>221</v>
      </c>
      <c r="Q10" s="324">
        <v>328740</v>
      </c>
      <c r="R10" s="323">
        <v>378997</v>
      </c>
      <c r="S10" s="323">
        <v>4160362113</v>
      </c>
      <c r="T10" s="324">
        <v>10247</v>
      </c>
      <c r="U10" s="323">
        <v>452271</v>
      </c>
      <c r="V10" s="323">
        <v>298825460</v>
      </c>
      <c r="W10" s="324">
        <v>2549</v>
      </c>
      <c r="X10" s="323">
        <v>17945</v>
      </c>
      <c r="Y10" s="323">
        <v>227220600</v>
      </c>
      <c r="Z10" s="325">
        <v>874859</v>
      </c>
      <c r="AA10" s="306">
        <v>19601144659</v>
      </c>
      <c r="AB10" s="332">
        <v>4</v>
      </c>
      <c r="AC10" s="362" t="s">
        <v>221</v>
      </c>
      <c r="AD10" s="324">
        <v>27</v>
      </c>
      <c r="AE10" s="323">
        <v>704</v>
      </c>
      <c r="AF10" s="323">
        <v>18724915</v>
      </c>
      <c r="AG10" s="323">
        <v>329</v>
      </c>
      <c r="AH10" s="323">
        <v>11959574</v>
      </c>
      <c r="AI10" s="323">
        <v>12590</v>
      </c>
      <c r="AJ10" s="323">
        <v>93469883</v>
      </c>
      <c r="AK10" s="323">
        <v>2205</v>
      </c>
      <c r="AL10" s="323">
        <v>72092870</v>
      </c>
      <c r="AM10" s="323">
        <v>1217</v>
      </c>
      <c r="AN10" s="323">
        <v>16411730</v>
      </c>
      <c r="AO10" s="323">
        <v>0</v>
      </c>
      <c r="AP10" s="323">
        <v>0</v>
      </c>
      <c r="AQ10" s="325">
        <v>17045</v>
      </c>
      <c r="AR10" s="325">
        <v>212658972</v>
      </c>
      <c r="AS10" s="338">
        <v>7</v>
      </c>
      <c r="AT10" s="337">
        <v>4063402</v>
      </c>
      <c r="AU10" s="332">
        <v>4</v>
      </c>
      <c r="AV10" s="361" t="s">
        <v>221</v>
      </c>
      <c r="AW10" s="324">
        <v>0</v>
      </c>
      <c r="AX10" s="323">
        <v>0</v>
      </c>
      <c r="AY10" s="336">
        <v>891931</v>
      </c>
      <c r="AZ10" s="335">
        <v>19813803631</v>
      </c>
      <c r="BA10" s="334">
        <v>14540906695</v>
      </c>
      <c r="BB10" s="324">
        <v>4533879412</v>
      </c>
      <c r="BC10" s="323">
        <v>739017524</v>
      </c>
      <c r="BD10" s="324">
        <v>33100</v>
      </c>
      <c r="BE10" s="323">
        <v>2052427062</v>
      </c>
      <c r="BF10" s="323">
        <v>38</v>
      </c>
      <c r="BG10" s="333">
        <v>806677</v>
      </c>
      <c r="BH10" s="332">
        <v>4</v>
      </c>
      <c r="BI10" s="389" t="s">
        <v>221</v>
      </c>
      <c r="BJ10" s="359">
        <v>160</v>
      </c>
      <c r="BK10" s="359">
        <v>69739803</v>
      </c>
      <c r="BL10" s="359">
        <v>381</v>
      </c>
      <c r="BM10" s="359">
        <v>19050000</v>
      </c>
      <c r="BN10" s="359">
        <v>2</v>
      </c>
      <c r="BO10" s="359">
        <v>89988</v>
      </c>
      <c r="BP10" s="359">
        <v>0</v>
      </c>
      <c r="BQ10" s="359">
        <v>0</v>
      </c>
      <c r="BR10" s="359">
        <v>0</v>
      </c>
      <c r="BS10" s="359">
        <v>0</v>
      </c>
      <c r="BT10" s="359">
        <v>543</v>
      </c>
      <c r="BU10" s="358">
        <v>88879791</v>
      </c>
      <c r="BV10" s="307">
        <v>892474</v>
      </c>
      <c r="BW10" s="306">
        <v>19902683422</v>
      </c>
      <c r="CA10" s="300" t="e">
        <v>#REF!</v>
      </c>
    </row>
    <row r="11" spans="1:79" s="294" customFormat="1" ht="12.9" customHeight="1" x14ac:dyDescent="0.15">
      <c r="A11" s="332">
        <v>5</v>
      </c>
      <c r="B11" s="361" t="s">
        <v>219</v>
      </c>
      <c r="C11" s="327">
        <v>7078</v>
      </c>
      <c r="D11" s="327">
        <v>96157</v>
      </c>
      <c r="E11" s="327">
        <v>3846854245</v>
      </c>
      <c r="F11" s="327">
        <v>290876</v>
      </c>
      <c r="G11" s="327">
        <v>428248</v>
      </c>
      <c r="H11" s="326">
        <v>4440670938</v>
      </c>
      <c r="I11" s="324">
        <v>73985</v>
      </c>
      <c r="J11" s="323">
        <v>125981</v>
      </c>
      <c r="K11" s="323">
        <v>1000215260</v>
      </c>
      <c r="L11" s="325">
        <v>371939</v>
      </c>
      <c r="M11" s="325">
        <v>650386</v>
      </c>
      <c r="N11" s="321">
        <v>9287740443</v>
      </c>
      <c r="O11" s="332">
        <v>5</v>
      </c>
      <c r="P11" s="362" t="s">
        <v>219</v>
      </c>
      <c r="Q11" s="324">
        <v>216570</v>
      </c>
      <c r="R11" s="323">
        <v>252544</v>
      </c>
      <c r="S11" s="323">
        <v>2623370045</v>
      </c>
      <c r="T11" s="324">
        <v>6075</v>
      </c>
      <c r="U11" s="323">
        <v>256667</v>
      </c>
      <c r="V11" s="323">
        <v>169895594</v>
      </c>
      <c r="W11" s="324">
        <v>1231</v>
      </c>
      <c r="X11" s="323">
        <v>7173</v>
      </c>
      <c r="Y11" s="323">
        <v>81235690</v>
      </c>
      <c r="Z11" s="325">
        <v>589740</v>
      </c>
      <c r="AA11" s="306">
        <v>12162241772</v>
      </c>
      <c r="AB11" s="332">
        <v>5</v>
      </c>
      <c r="AC11" s="362" t="s">
        <v>219</v>
      </c>
      <c r="AD11" s="324">
        <v>43</v>
      </c>
      <c r="AE11" s="323">
        <v>715</v>
      </c>
      <c r="AF11" s="323">
        <v>18359111</v>
      </c>
      <c r="AG11" s="323">
        <v>416</v>
      </c>
      <c r="AH11" s="323">
        <v>12928315</v>
      </c>
      <c r="AI11" s="323">
        <v>7518</v>
      </c>
      <c r="AJ11" s="323">
        <v>53396268</v>
      </c>
      <c r="AK11" s="323">
        <v>1144</v>
      </c>
      <c r="AL11" s="323">
        <v>35761750</v>
      </c>
      <c r="AM11" s="323">
        <v>575</v>
      </c>
      <c r="AN11" s="323">
        <v>7266580</v>
      </c>
      <c r="AO11" s="323">
        <v>1</v>
      </c>
      <c r="AP11" s="323">
        <v>33000</v>
      </c>
      <c r="AQ11" s="325">
        <v>10369</v>
      </c>
      <c r="AR11" s="325">
        <v>127745024</v>
      </c>
      <c r="AS11" s="338">
        <v>28</v>
      </c>
      <c r="AT11" s="337">
        <v>6679251</v>
      </c>
      <c r="AU11" s="332">
        <v>5</v>
      </c>
      <c r="AV11" s="361" t="s">
        <v>219</v>
      </c>
      <c r="AW11" s="324">
        <v>1</v>
      </c>
      <c r="AX11" s="323">
        <v>19320</v>
      </c>
      <c r="AY11" s="336">
        <v>600153</v>
      </c>
      <c r="AZ11" s="335">
        <v>12290006116</v>
      </c>
      <c r="BA11" s="334">
        <v>9009340452</v>
      </c>
      <c r="BB11" s="324">
        <v>2843238667</v>
      </c>
      <c r="BC11" s="323">
        <v>437426997</v>
      </c>
      <c r="BD11" s="324">
        <v>21643</v>
      </c>
      <c r="BE11" s="323">
        <v>1174527473</v>
      </c>
      <c r="BF11" s="323">
        <v>19</v>
      </c>
      <c r="BG11" s="333">
        <v>421690</v>
      </c>
      <c r="BH11" s="332">
        <v>5</v>
      </c>
      <c r="BI11" s="360" t="s">
        <v>219</v>
      </c>
      <c r="BJ11" s="359">
        <v>108</v>
      </c>
      <c r="BK11" s="359">
        <v>45360000</v>
      </c>
      <c r="BL11" s="359">
        <v>209</v>
      </c>
      <c r="BM11" s="359">
        <v>10450000</v>
      </c>
      <c r="BN11" s="359">
        <v>7</v>
      </c>
      <c r="BO11" s="359">
        <v>430721</v>
      </c>
      <c r="BP11" s="359">
        <v>0</v>
      </c>
      <c r="BQ11" s="359">
        <v>0</v>
      </c>
      <c r="BR11" s="359">
        <v>0</v>
      </c>
      <c r="BS11" s="359">
        <v>0</v>
      </c>
      <c r="BT11" s="359">
        <v>324</v>
      </c>
      <c r="BU11" s="358">
        <v>56240721</v>
      </c>
      <c r="BV11" s="307">
        <v>600477</v>
      </c>
      <c r="BW11" s="306">
        <v>12346246837</v>
      </c>
      <c r="CA11" s="300" t="e">
        <v>#REF!</v>
      </c>
    </row>
    <row r="12" spans="1:79" s="294" customFormat="1" ht="12.9" customHeight="1" x14ac:dyDescent="0.15">
      <c r="A12" s="332">
        <v>6</v>
      </c>
      <c r="B12" s="361" t="s">
        <v>217</v>
      </c>
      <c r="C12" s="327">
        <v>15532</v>
      </c>
      <c r="D12" s="327">
        <v>235018</v>
      </c>
      <c r="E12" s="327">
        <v>9171496851</v>
      </c>
      <c r="F12" s="327">
        <v>667739</v>
      </c>
      <c r="G12" s="327">
        <v>997823</v>
      </c>
      <c r="H12" s="326">
        <v>10026667310</v>
      </c>
      <c r="I12" s="324">
        <v>165098</v>
      </c>
      <c r="J12" s="323">
        <v>282123</v>
      </c>
      <c r="K12" s="323">
        <v>2197776330</v>
      </c>
      <c r="L12" s="325">
        <v>848369</v>
      </c>
      <c r="M12" s="325">
        <v>1514964</v>
      </c>
      <c r="N12" s="337">
        <v>21395940491</v>
      </c>
      <c r="O12" s="332">
        <v>6</v>
      </c>
      <c r="P12" s="362" t="s">
        <v>217</v>
      </c>
      <c r="Q12" s="324">
        <v>496177</v>
      </c>
      <c r="R12" s="323">
        <v>573208</v>
      </c>
      <c r="S12" s="323">
        <v>5824083392</v>
      </c>
      <c r="T12" s="324">
        <v>14180</v>
      </c>
      <c r="U12" s="323">
        <v>621124</v>
      </c>
      <c r="V12" s="323">
        <v>408840951</v>
      </c>
      <c r="W12" s="324">
        <v>3874</v>
      </c>
      <c r="X12" s="323">
        <v>25339</v>
      </c>
      <c r="Y12" s="323">
        <v>307035250</v>
      </c>
      <c r="Z12" s="325">
        <v>1348420</v>
      </c>
      <c r="AA12" s="306">
        <v>27935900084</v>
      </c>
      <c r="AB12" s="332">
        <v>6</v>
      </c>
      <c r="AC12" s="362" t="s">
        <v>217</v>
      </c>
      <c r="AD12" s="324">
        <v>79</v>
      </c>
      <c r="AE12" s="323">
        <v>1163</v>
      </c>
      <c r="AF12" s="323">
        <v>18591838</v>
      </c>
      <c r="AG12" s="323">
        <v>829</v>
      </c>
      <c r="AH12" s="323">
        <v>27241090</v>
      </c>
      <c r="AI12" s="323">
        <v>22000</v>
      </c>
      <c r="AJ12" s="323">
        <v>153961858</v>
      </c>
      <c r="AK12" s="323">
        <v>3213</v>
      </c>
      <c r="AL12" s="323">
        <v>80644190</v>
      </c>
      <c r="AM12" s="323">
        <v>2955</v>
      </c>
      <c r="AN12" s="323">
        <v>31016090</v>
      </c>
      <c r="AO12" s="323">
        <v>0</v>
      </c>
      <c r="AP12" s="323">
        <v>0</v>
      </c>
      <c r="AQ12" s="325">
        <v>30160</v>
      </c>
      <c r="AR12" s="325">
        <v>311455066</v>
      </c>
      <c r="AS12" s="338">
        <v>17</v>
      </c>
      <c r="AT12" s="337">
        <v>289767</v>
      </c>
      <c r="AU12" s="332">
        <v>6</v>
      </c>
      <c r="AV12" s="361" t="s">
        <v>217</v>
      </c>
      <c r="AW12" s="324">
        <v>7</v>
      </c>
      <c r="AX12" s="323">
        <v>330235</v>
      </c>
      <c r="AY12" s="336">
        <v>1378666</v>
      </c>
      <c r="AZ12" s="335">
        <v>28247685385</v>
      </c>
      <c r="BA12" s="334">
        <v>20712894037</v>
      </c>
      <c r="BB12" s="324">
        <v>6281283480</v>
      </c>
      <c r="BC12" s="323">
        <v>1253507868</v>
      </c>
      <c r="BD12" s="324">
        <v>47830</v>
      </c>
      <c r="BE12" s="323">
        <v>2911067447</v>
      </c>
      <c r="BF12" s="323">
        <v>82</v>
      </c>
      <c r="BG12" s="333">
        <v>1512955</v>
      </c>
      <c r="BH12" s="332">
        <v>6</v>
      </c>
      <c r="BI12" s="360" t="s">
        <v>217</v>
      </c>
      <c r="BJ12" s="359">
        <v>275</v>
      </c>
      <c r="BK12" s="359">
        <v>115500000</v>
      </c>
      <c r="BL12" s="359">
        <v>458</v>
      </c>
      <c r="BM12" s="359">
        <v>22900000</v>
      </c>
      <c r="BN12" s="359">
        <v>14</v>
      </c>
      <c r="BO12" s="359">
        <v>943608</v>
      </c>
      <c r="BP12" s="359">
        <v>0</v>
      </c>
      <c r="BQ12" s="359">
        <v>0</v>
      </c>
      <c r="BR12" s="359">
        <v>0</v>
      </c>
      <c r="BS12" s="359">
        <v>0</v>
      </c>
      <c r="BT12" s="359">
        <v>747</v>
      </c>
      <c r="BU12" s="358">
        <v>139343608</v>
      </c>
      <c r="BV12" s="307">
        <v>1379413</v>
      </c>
      <c r="BW12" s="306">
        <v>28387028993</v>
      </c>
      <c r="CA12" s="300" t="e">
        <v>#REF!</v>
      </c>
    </row>
    <row r="13" spans="1:79" s="294" customFormat="1" ht="12.9" customHeight="1" x14ac:dyDescent="0.15">
      <c r="A13" s="332">
        <v>7</v>
      </c>
      <c r="B13" s="361" t="s">
        <v>215</v>
      </c>
      <c r="C13" s="327">
        <v>9804</v>
      </c>
      <c r="D13" s="327">
        <v>167061</v>
      </c>
      <c r="E13" s="327">
        <v>5730061028</v>
      </c>
      <c r="F13" s="327">
        <v>332203</v>
      </c>
      <c r="G13" s="327">
        <v>510427</v>
      </c>
      <c r="H13" s="326">
        <v>5317284643</v>
      </c>
      <c r="I13" s="324">
        <v>77503</v>
      </c>
      <c r="J13" s="323">
        <v>137398</v>
      </c>
      <c r="K13" s="323">
        <v>1089597390</v>
      </c>
      <c r="L13" s="325">
        <v>419510</v>
      </c>
      <c r="M13" s="325">
        <v>814886</v>
      </c>
      <c r="N13" s="321">
        <v>12136943061</v>
      </c>
      <c r="O13" s="332">
        <v>7</v>
      </c>
      <c r="P13" s="362" t="s">
        <v>215</v>
      </c>
      <c r="Q13" s="324">
        <v>244316</v>
      </c>
      <c r="R13" s="323">
        <v>285343</v>
      </c>
      <c r="S13" s="323">
        <v>2922800470</v>
      </c>
      <c r="T13" s="324">
        <v>9138</v>
      </c>
      <c r="U13" s="323">
        <v>451449</v>
      </c>
      <c r="V13" s="323">
        <v>297870098</v>
      </c>
      <c r="W13" s="324">
        <v>1631</v>
      </c>
      <c r="X13" s="323">
        <v>10430</v>
      </c>
      <c r="Y13" s="323">
        <v>126465650</v>
      </c>
      <c r="Z13" s="325">
        <v>665457</v>
      </c>
      <c r="AA13" s="306">
        <v>15484079279</v>
      </c>
      <c r="AB13" s="332">
        <v>7</v>
      </c>
      <c r="AC13" s="362" t="s">
        <v>215</v>
      </c>
      <c r="AD13" s="324">
        <v>140</v>
      </c>
      <c r="AE13" s="323">
        <v>588</v>
      </c>
      <c r="AF13" s="323">
        <v>8162602</v>
      </c>
      <c r="AG13" s="323">
        <v>370</v>
      </c>
      <c r="AH13" s="323">
        <v>11817567</v>
      </c>
      <c r="AI13" s="323">
        <v>9957</v>
      </c>
      <c r="AJ13" s="323">
        <v>67572535</v>
      </c>
      <c r="AK13" s="323">
        <v>1277</v>
      </c>
      <c r="AL13" s="323">
        <v>32593435</v>
      </c>
      <c r="AM13" s="323">
        <v>853</v>
      </c>
      <c r="AN13" s="323">
        <v>11207170</v>
      </c>
      <c r="AO13" s="323">
        <v>8</v>
      </c>
      <c r="AP13" s="323">
        <v>173472</v>
      </c>
      <c r="AQ13" s="325">
        <v>13053</v>
      </c>
      <c r="AR13" s="325">
        <v>131526781</v>
      </c>
      <c r="AS13" s="338">
        <v>7</v>
      </c>
      <c r="AT13" s="337">
        <v>54215</v>
      </c>
      <c r="AU13" s="332">
        <v>7</v>
      </c>
      <c r="AV13" s="361" t="s">
        <v>215</v>
      </c>
      <c r="AW13" s="324">
        <v>2</v>
      </c>
      <c r="AX13" s="323">
        <v>41300</v>
      </c>
      <c r="AY13" s="336">
        <v>678652</v>
      </c>
      <c r="AZ13" s="335">
        <v>15615647360</v>
      </c>
      <c r="BA13" s="334">
        <v>11465040460</v>
      </c>
      <c r="BB13" s="324">
        <v>3716057966</v>
      </c>
      <c r="BC13" s="323">
        <v>434548934</v>
      </c>
      <c r="BD13" s="324">
        <v>35331</v>
      </c>
      <c r="BE13" s="323">
        <v>1716371973</v>
      </c>
      <c r="BF13" s="323">
        <v>46</v>
      </c>
      <c r="BG13" s="333">
        <v>945960</v>
      </c>
      <c r="BH13" s="332">
        <v>7</v>
      </c>
      <c r="BI13" s="360" t="s">
        <v>215</v>
      </c>
      <c r="BJ13" s="359">
        <v>110</v>
      </c>
      <c r="BK13" s="359">
        <v>46200000</v>
      </c>
      <c r="BL13" s="359">
        <v>281</v>
      </c>
      <c r="BM13" s="359">
        <v>14050000</v>
      </c>
      <c r="BN13" s="359">
        <v>6</v>
      </c>
      <c r="BO13" s="359">
        <v>361112</v>
      </c>
      <c r="BP13" s="359">
        <v>0</v>
      </c>
      <c r="BQ13" s="359">
        <v>0</v>
      </c>
      <c r="BR13" s="359">
        <v>0</v>
      </c>
      <c r="BS13" s="359">
        <v>0</v>
      </c>
      <c r="BT13" s="359">
        <v>397</v>
      </c>
      <c r="BU13" s="358">
        <v>60611112</v>
      </c>
      <c r="BV13" s="307">
        <v>679049</v>
      </c>
      <c r="BW13" s="306">
        <v>15676258472</v>
      </c>
      <c r="CA13" s="300" t="e">
        <v>#REF!</v>
      </c>
    </row>
    <row r="14" spans="1:79" s="294" customFormat="1" ht="12.9" customHeight="1" x14ac:dyDescent="0.15">
      <c r="A14" s="332">
        <v>8</v>
      </c>
      <c r="B14" s="361" t="s">
        <v>213</v>
      </c>
      <c r="C14" s="327">
        <v>9345</v>
      </c>
      <c r="D14" s="327">
        <v>130164</v>
      </c>
      <c r="E14" s="327">
        <v>5425119442</v>
      </c>
      <c r="F14" s="327">
        <v>381887</v>
      </c>
      <c r="G14" s="327">
        <v>563404</v>
      </c>
      <c r="H14" s="326">
        <v>5929804691</v>
      </c>
      <c r="I14" s="324">
        <v>93293</v>
      </c>
      <c r="J14" s="323">
        <v>160381</v>
      </c>
      <c r="K14" s="323">
        <v>1260901540</v>
      </c>
      <c r="L14" s="325">
        <v>484525</v>
      </c>
      <c r="M14" s="325">
        <v>853949</v>
      </c>
      <c r="N14" s="337">
        <v>12615825673</v>
      </c>
      <c r="O14" s="332">
        <v>8</v>
      </c>
      <c r="P14" s="362" t="s">
        <v>213</v>
      </c>
      <c r="Q14" s="324">
        <v>296021</v>
      </c>
      <c r="R14" s="323">
        <v>339705</v>
      </c>
      <c r="S14" s="323">
        <v>3596116319</v>
      </c>
      <c r="T14" s="324">
        <v>8406</v>
      </c>
      <c r="U14" s="323">
        <v>330441</v>
      </c>
      <c r="V14" s="323">
        <v>219806232</v>
      </c>
      <c r="W14" s="324">
        <v>1778</v>
      </c>
      <c r="X14" s="323">
        <v>10724</v>
      </c>
      <c r="Y14" s="323">
        <v>126061340</v>
      </c>
      <c r="Z14" s="325">
        <v>782324</v>
      </c>
      <c r="AA14" s="306">
        <v>16557809564</v>
      </c>
      <c r="AB14" s="332">
        <v>8</v>
      </c>
      <c r="AC14" s="362" t="s">
        <v>213</v>
      </c>
      <c r="AD14" s="324">
        <v>0</v>
      </c>
      <c r="AE14" s="323">
        <v>709</v>
      </c>
      <c r="AF14" s="323">
        <v>12852604</v>
      </c>
      <c r="AG14" s="323">
        <v>394</v>
      </c>
      <c r="AH14" s="323">
        <v>14532434</v>
      </c>
      <c r="AI14" s="323">
        <v>16335</v>
      </c>
      <c r="AJ14" s="323">
        <v>112571286</v>
      </c>
      <c r="AK14" s="323">
        <v>1669</v>
      </c>
      <c r="AL14" s="323">
        <v>48085810</v>
      </c>
      <c r="AM14" s="323">
        <v>811</v>
      </c>
      <c r="AN14" s="323">
        <v>10969670</v>
      </c>
      <c r="AO14" s="323">
        <v>0</v>
      </c>
      <c r="AP14" s="323">
        <v>0</v>
      </c>
      <c r="AQ14" s="325">
        <v>19918</v>
      </c>
      <c r="AR14" s="325">
        <v>199011804</v>
      </c>
      <c r="AS14" s="338">
        <v>8</v>
      </c>
      <c r="AT14" s="337">
        <v>721518</v>
      </c>
      <c r="AU14" s="332">
        <v>8</v>
      </c>
      <c r="AV14" s="361" t="s">
        <v>213</v>
      </c>
      <c r="AW14" s="324">
        <v>0</v>
      </c>
      <c r="AX14" s="323">
        <v>0</v>
      </c>
      <c r="AY14" s="336">
        <v>802242</v>
      </c>
      <c r="AZ14" s="335">
        <v>16756821368</v>
      </c>
      <c r="BA14" s="334">
        <v>12317747102</v>
      </c>
      <c r="BB14" s="324">
        <v>3942986586</v>
      </c>
      <c r="BC14" s="323">
        <v>496087680</v>
      </c>
      <c r="BD14" s="324">
        <v>23287</v>
      </c>
      <c r="BE14" s="323">
        <v>1672229962</v>
      </c>
      <c r="BF14" s="323">
        <v>91</v>
      </c>
      <c r="BG14" s="333">
        <v>3388941</v>
      </c>
      <c r="BH14" s="332">
        <v>8</v>
      </c>
      <c r="BI14" s="360" t="s">
        <v>213</v>
      </c>
      <c r="BJ14" s="359">
        <v>143</v>
      </c>
      <c r="BK14" s="359">
        <v>60060000</v>
      </c>
      <c r="BL14" s="359">
        <v>325</v>
      </c>
      <c r="BM14" s="359">
        <v>16250000</v>
      </c>
      <c r="BN14" s="359">
        <v>16</v>
      </c>
      <c r="BO14" s="359">
        <v>1047995</v>
      </c>
      <c r="BP14" s="359">
        <v>0</v>
      </c>
      <c r="BQ14" s="359">
        <v>0</v>
      </c>
      <c r="BR14" s="359">
        <v>0</v>
      </c>
      <c r="BS14" s="359">
        <v>0</v>
      </c>
      <c r="BT14" s="359">
        <v>484</v>
      </c>
      <c r="BU14" s="358">
        <v>77357995</v>
      </c>
      <c r="BV14" s="307">
        <v>802726</v>
      </c>
      <c r="BW14" s="306">
        <v>16834179363</v>
      </c>
      <c r="CA14" s="300" t="e">
        <v>#REF!</v>
      </c>
    </row>
    <row r="15" spans="1:79" s="294" customFormat="1" ht="12.9" customHeight="1" x14ac:dyDescent="0.15">
      <c r="A15" s="332">
        <v>9</v>
      </c>
      <c r="B15" s="361" t="s">
        <v>211</v>
      </c>
      <c r="C15" s="327">
        <v>2416</v>
      </c>
      <c r="D15" s="327">
        <v>35033</v>
      </c>
      <c r="E15" s="327">
        <v>1542612844</v>
      </c>
      <c r="F15" s="327">
        <v>104965</v>
      </c>
      <c r="G15" s="327">
        <v>157916</v>
      </c>
      <c r="H15" s="326">
        <v>1608653437</v>
      </c>
      <c r="I15" s="324">
        <v>25827</v>
      </c>
      <c r="J15" s="323">
        <v>47449</v>
      </c>
      <c r="K15" s="323">
        <v>352344701</v>
      </c>
      <c r="L15" s="325">
        <v>133208</v>
      </c>
      <c r="M15" s="325">
        <v>240398</v>
      </c>
      <c r="N15" s="321">
        <v>3503610982</v>
      </c>
      <c r="O15" s="332">
        <v>9</v>
      </c>
      <c r="P15" s="362" t="s">
        <v>211</v>
      </c>
      <c r="Q15" s="324">
        <v>78174</v>
      </c>
      <c r="R15" s="323">
        <v>91238</v>
      </c>
      <c r="S15" s="323">
        <v>975628155</v>
      </c>
      <c r="T15" s="324">
        <v>2223</v>
      </c>
      <c r="U15" s="323">
        <v>91488</v>
      </c>
      <c r="V15" s="323">
        <v>60541566</v>
      </c>
      <c r="W15" s="324">
        <v>679</v>
      </c>
      <c r="X15" s="323">
        <v>4124</v>
      </c>
      <c r="Y15" s="323">
        <v>43828600</v>
      </c>
      <c r="Z15" s="325">
        <v>212061</v>
      </c>
      <c r="AA15" s="306">
        <v>4583609303</v>
      </c>
      <c r="AB15" s="332">
        <v>9</v>
      </c>
      <c r="AC15" s="362" t="s">
        <v>211</v>
      </c>
      <c r="AD15" s="324">
        <v>4</v>
      </c>
      <c r="AE15" s="323">
        <v>150</v>
      </c>
      <c r="AF15" s="323">
        <v>2028550</v>
      </c>
      <c r="AG15" s="323">
        <v>114</v>
      </c>
      <c r="AH15" s="323">
        <v>3779557</v>
      </c>
      <c r="AI15" s="323">
        <v>3579</v>
      </c>
      <c r="AJ15" s="323">
        <v>29161317</v>
      </c>
      <c r="AK15" s="323">
        <v>393</v>
      </c>
      <c r="AL15" s="323">
        <v>10286270</v>
      </c>
      <c r="AM15" s="323">
        <v>254</v>
      </c>
      <c r="AN15" s="323">
        <v>2106990</v>
      </c>
      <c r="AO15" s="323">
        <v>1</v>
      </c>
      <c r="AP15" s="323">
        <v>30800</v>
      </c>
      <c r="AQ15" s="325">
        <v>4491</v>
      </c>
      <c r="AR15" s="325">
        <v>47393484</v>
      </c>
      <c r="AS15" s="338">
        <v>0</v>
      </c>
      <c r="AT15" s="337">
        <v>0</v>
      </c>
      <c r="AU15" s="332">
        <v>9</v>
      </c>
      <c r="AV15" s="361" t="s">
        <v>211</v>
      </c>
      <c r="AW15" s="324">
        <v>0</v>
      </c>
      <c r="AX15" s="323">
        <v>0</v>
      </c>
      <c r="AY15" s="336">
        <v>216556</v>
      </c>
      <c r="AZ15" s="335">
        <v>4631002787</v>
      </c>
      <c r="BA15" s="334">
        <v>3400668701</v>
      </c>
      <c r="BB15" s="324">
        <v>1109149911</v>
      </c>
      <c r="BC15" s="323">
        <v>121184175</v>
      </c>
      <c r="BD15" s="324">
        <v>8286</v>
      </c>
      <c r="BE15" s="323">
        <v>488876918</v>
      </c>
      <c r="BF15" s="323">
        <v>36</v>
      </c>
      <c r="BG15" s="333">
        <v>581611</v>
      </c>
      <c r="BH15" s="332">
        <v>9</v>
      </c>
      <c r="BI15" s="360" t="s">
        <v>211</v>
      </c>
      <c r="BJ15" s="359">
        <v>44</v>
      </c>
      <c r="BK15" s="359">
        <v>18285481</v>
      </c>
      <c r="BL15" s="359">
        <v>53</v>
      </c>
      <c r="BM15" s="359">
        <v>2650000</v>
      </c>
      <c r="BN15" s="359">
        <v>2</v>
      </c>
      <c r="BO15" s="359">
        <v>68885</v>
      </c>
      <c r="BP15" s="359">
        <v>0</v>
      </c>
      <c r="BQ15" s="359">
        <v>0</v>
      </c>
      <c r="BR15" s="359">
        <v>0</v>
      </c>
      <c r="BS15" s="359">
        <v>0</v>
      </c>
      <c r="BT15" s="359">
        <v>99</v>
      </c>
      <c r="BU15" s="358">
        <v>21004366</v>
      </c>
      <c r="BV15" s="307">
        <v>216655</v>
      </c>
      <c r="BW15" s="306">
        <v>4652007153</v>
      </c>
      <c r="CA15" s="300" t="e">
        <v>#REF!</v>
      </c>
    </row>
    <row r="16" spans="1:79" s="294" customFormat="1" ht="12.9" customHeight="1" x14ac:dyDescent="0.15">
      <c r="A16" s="332">
        <v>10</v>
      </c>
      <c r="B16" s="361" t="s">
        <v>209</v>
      </c>
      <c r="C16" s="327">
        <v>31235</v>
      </c>
      <c r="D16" s="327">
        <v>481942</v>
      </c>
      <c r="E16" s="327">
        <v>17944081832</v>
      </c>
      <c r="F16" s="327">
        <v>1111385</v>
      </c>
      <c r="G16" s="327">
        <v>1677456</v>
      </c>
      <c r="H16" s="326">
        <v>18173684718</v>
      </c>
      <c r="I16" s="324">
        <v>268505</v>
      </c>
      <c r="J16" s="323">
        <v>490802</v>
      </c>
      <c r="K16" s="323">
        <v>3793696475</v>
      </c>
      <c r="L16" s="325">
        <v>1411125</v>
      </c>
      <c r="M16" s="325">
        <v>2650200</v>
      </c>
      <c r="N16" s="337">
        <v>39911463025</v>
      </c>
      <c r="O16" s="332">
        <v>10</v>
      </c>
      <c r="P16" s="362" t="s">
        <v>209</v>
      </c>
      <c r="Q16" s="324">
        <v>826879</v>
      </c>
      <c r="R16" s="323">
        <v>974080</v>
      </c>
      <c r="S16" s="323">
        <v>10472008376</v>
      </c>
      <c r="T16" s="324">
        <v>28330</v>
      </c>
      <c r="U16" s="323">
        <v>1270970</v>
      </c>
      <c r="V16" s="323">
        <v>843294038</v>
      </c>
      <c r="W16" s="324">
        <v>7120</v>
      </c>
      <c r="X16" s="323">
        <v>49536</v>
      </c>
      <c r="Y16" s="323">
        <v>542700500</v>
      </c>
      <c r="Z16" s="325">
        <v>2245124</v>
      </c>
      <c r="AA16" s="306">
        <v>51769465939</v>
      </c>
      <c r="AB16" s="332">
        <v>10</v>
      </c>
      <c r="AC16" s="362" t="s">
        <v>209</v>
      </c>
      <c r="AD16" s="324">
        <v>131</v>
      </c>
      <c r="AE16" s="323">
        <v>1989</v>
      </c>
      <c r="AF16" s="323">
        <v>49215104</v>
      </c>
      <c r="AG16" s="323">
        <v>978</v>
      </c>
      <c r="AH16" s="323">
        <v>39942616</v>
      </c>
      <c r="AI16" s="323">
        <v>50169</v>
      </c>
      <c r="AJ16" s="323">
        <v>377609894</v>
      </c>
      <c r="AK16" s="323">
        <v>3421</v>
      </c>
      <c r="AL16" s="323">
        <v>109979750</v>
      </c>
      <c r="AM16" s="323">
        <v>2378</v>
      </c>
      <c r="AN16" s="323">
        <v>33802540</v>
      </c>
      <c r="AO16" s="323">
        <v>36</v>
      </c>
      <c r="AP16" s="323">
        <v>260697</v>
      </c>
      <c r="AQ16" s="325">
        <v>58971</v>
      </c>
      <c r="AR16" s="325">
        <v>610810601</v>
      </c>
      <c r="AS16" s="338">
        <v>40</v>
      </c>
      <c r="AT16" s="337">
        <v>4472058</v>
      </c>
      <c r="AU16" s="332">
        <v>10</v>
      </c>
      <c r="AV16" s="361" t="s">
        <v>209</v>
      </c>
      <c r="AW16" s="324">
        <v>3</v>
      </c>
      <c r="AX16" s="323">
        <v>125370</v>
      </c>
      <c r="AY16" s="336">
        <v>2304229</v>
      </c>
      <c r="AZ16" s="335">
        <v>52380401910</v>
      </c>
      <c r="BA16" s="334">
        <v>38406430378</v>
      </c>
      <c r="BB16" s="324">
        <v>12164172663</v>
      </c>
      <c r="BC16" s="323">
        <v>1809798869</v>
      </c>
      <c r="BD16" s="324">
        <v>90223</v>
      </c>
      <c r="BE16" s="323">
        <v>5612134431</v>
      </c>
      <c r="BF16" s="323">
        <v>245</v>
      </c>
      <c r="BG16" s="333">
        <v>3959330</v>
      </c>
      <c r="BH16" s="332">
        <v>10</v>
      </c>
      <c r="BI16" s="360" t="s">
        <v>209</v>
      </c>
      <c r="BJ16" s="359">
        <v>490</v>
      </c>
      <c r="BK16" s="359">
        <v>205800000</v>
      </c>
      <c r="BL16" s="359">
        <v>956</v>
      </c>
      <c r="BM16" s="359">
        <v>47800000</v>
      </c>
      <c r="BN16" s="359">
        <v>25</v>
      </c>
      <c r="BO16" s="359">
        <v>1883886</v>
      </c>
      <c r="BP16" s="359">
        <v>0</v>
      </c>
      <c r="BQ16" s="359">
        <v>0</v>
      </c>
      <c r="BR16" s="359">
        <v>0</v>
      </c>
      <c r="BS16" s="359">
        <v>0</v>
      </c>
      <c r="BT16" s="359">
        <v>1471</v>
      </c>
      <c r="BU16" s="358">
        <v>255483886</v>
      </c>
      <c r="BV16" s="307">
        <v>2305700</v>
      </c>
      <c r="BW16" s="306">
        <v>52635885796</v>
      </c>
      <c r="CA16" s="300" t="e">
        <v>#REF!</v>
      </c>
    </row>
    <row r="17" spans="1:79" s="294" customFormat="1" ht="12.9" customHeight="1" x14ac:dyDescent="0.15">
      <c r="A17" s="332">
        <v>11</v>
      </c>
      <c r="B17" s="361" t="s">
        <v>207</v>
      </c>
      <c r="C17" s="327">
        <v>2728</v>
      </c>
      <c r="D17" s="327">
        <v>35535</v>
      </c>
      <c r="E17" s="327">
        <v>1638398512</v>
      </c>
      <c r="F17" s="327">
        <v>102566</v>
      </c>
      <c r="G17" s="327">
        <v>154616</v>
      </c>
      <c r="H17" s="326">
        <v>1572341135</v>
      </c>
      <c r="I17" s="324">
        <v>22158</v>
      </c>
      <c r="J17" s="323">
        <v>40083</v>
      </c>
      <c r="K17" s="323">
        <v>318430113</v>
      </c>
      <c r="L17" s="325">
        <v>127452</v>
      </c>
      <c r="M17" s="325">
        <v>230234</v>
      </c>
      <c r="N17" s="321">
        <v>3529169760</v>
      </c>
      <c r="O17" s="364">
        <v>11</v>
      </c>
      <c r="P17" s="362" t="s">
        <v>207</v>
      </c>
      <c r="Q17" s="324">
        <v>77870</v>
      </c>
      <c r="R17" s="323">
        <v>93658</v>
      </c>
      <c r="S17" s="323">
        <v>959151382</v>
      </c>
      <c r="T17" s="324">
        <v>2474</v>
      </c>
      <c r="U17" s="323">
        <v>91561</v>
      </c>
      <c r="V17" s="323">
        <v>61100233</v>
      </c>
      <c r="W17" s="324">
        <v>396</v>
      </c>
      <c r="X17" s="323">
        <v>2406</v>
      </c>
      <c r="Y17" s="323">
        <v>29999410</v>
      </c>
      <c r="Z17" s="325">
        <v>205718</v>
      </c>
      <c r="AA17" s="306">
        <v>4579420785</v>
      </c>
      <c r="AB17" s="332">
        <v>11</v>
      </c>
      <c r="AC17" s="362" t="s">
        <v>207</v>
      </c>
      <c r="AD17" s="324">
        <v>24</v>
      </c>
      <c r="AE17" s="323">
        <v>164</v>
      </c>
      <c r="AF17" s="323">
        <v>1895048</v>
      </c>
      <c r="AG17" s="323">
        <v>78</v>
      </c>
      <c r="AH17" s="323">
        <v>2681732</v>
      </c>
      <c r="AI17" s="323">
        <v>3599</v>
      </c>
      <c r="AJ17" s="323">
        <v>27770316</v>
      </c>
      <c r="AK17" s="323">
        <v>215</v>
      </c>
      <c r="AL17" s="323">
        <v>6251330</v>
      </c>
      <c r="AM17" s="323">
        <v>246</v>
      </c>
      <c r="AN17" s="323">
        <v>3115750</v>
      </c>
      <c r="AO17" s="323">
        <v>1</v>
      </c>
      <c r="AP17" s="323">
        <v>92400</v>
      </c>
      <c r="AQ17" s="325">
        <v>4303</v>
      </c>
      <c r="AR17" s="325">
        <v>41806576</v>
      </c>
      <c r="AS17" s="338">
        <v>1</v>
      </c>
      <c r="AT17" s="337">
        <v>28908</v>
      </c>
      <c r="AU17" s="332">
        <v>11</v>
      </c>
      <c r="AV17" s="361" t="s">
        <v>207</v>
      </c>
      <c r="AW17" s="324">
        <v>0</v>
      </c>
      <c r="AX17" s="323">
        <v>0</v>
      </c>
      <c r="AY17" s="336">
        <v>210045</v>
      </c>
      <c r="AZ17" s="335">
        <v>4621227361</v>
      </c>
      <c r="BA17" s="334">
        <v>3390933674</v>
      </c>
      <c r="BB17" s="324">
        <v>1121364560</v>
      </c>
      <c r="BC17" s="323">
        <v>108929127</v>
      </c>
      <c r="BD17" s="324">
        <v>9639</v>
      </c>
      <c r="BE17" s="323">
        <v>472042061</v>
      </c>
      <c r="BF17" s="323">
        <v>19</v>
      </c>
      <c r="BG17" s="333">
        <v>320052</v>
      </c>
      <c r="BH17" s="332">
        <v>11</v>
      </c>
      <c r="BI17" s="360" t="s">
        <v>207</v>
      </c>
      <c r="BJ17" s="359">
        <v>27</v>
      </c>
      <c r="BK17" s="359">
        <v>11323300</v>
      </c>
      <c r="BL17" s="359">
        <v>66</v>
      </c>
      <c r="BM17" s="359">
        <v>3300000</v>
      </c>
      <c r="BN17" s="359">
        <v>2</v>
      </c>
      <c r="BO17" s="359">
        <v>366480</v>
      </c>
      <c r="BP17" s="359">
        <v>0</v>
      </c>
      <c r="BQ17" s="359">
        <v>0</v>
      </c>
      <c r="BR17" s="359">
        <v>0</v>
      </c>
      <c r="BS17" s="359">
        <v>0</v>
      </c>
      <c r="BT17" s="359">
        <v>95</v>
      </c>
      <c r="BU17" s="358">
        <v>14989780</v>
      </c>
      <c r="BV17" s="307">
        <v>210140</v>
      </c>
      <c r="BW17" s="306">
        <v>4636217141</v>
      </c>
      <c r="CA17" s="300" t="e">
        <v>#REF!</v>
      </c>
    </row>
    <row r="18" spans="1:79" s="294" customFormat="1" ht="12.9" customHeight="1" x14ac:dyDescent="0.15">
      <c r="A18" s="332">
        <v>12</v>
      </c>
      <c r="B18" s="361" t="s">
        <v>205</v>
      </c>
      <c r="C18" s="327">
        <v>8055</v>
      </c>
      <c r="D18" s="327">
        <v>129939</v>
      </c>
      <c r="E18" s="327">
        <v>4591322285</v>
      </c>
      <c r="F18" s="327">
        <v>293268</v>
      </c>
      <c r="G18" s="327">
        <v>414029</v>
      </c>
      <c r="H18" s="326">
        <v>4514285429</v>
      </c>
      <c r="I18" s="324">
        <v>64231</v>
      </c>
      <c r="J18" s="323">
        <v>117647</v>
      </c>
      <c r="K18" s="323">
        <v>872229610</v>
      </c>
      <c r="L18" s="325">
        <v>365554</v>
      </c>
      <c r="M18" s="325">
        <v>661615</v>
      </c>
      <c r="N18" s="337">
        <v>9977837324</v>
      </c>
      <c r="O18" s="364">
        <v>12</v>
      </c>
      <c r="P18" s="362" t="s">
        <v>205</v>
      </c>
      <c r="Q18" s="324">
        <v>195399</v>
      </c>
      <c r="R18" s="323">
        <v>223494</v>
      </c>
      <c r="S18" s="323">
        <v>2681912720</v>
      </c>
      <c r="T18" s="324">
        <v>7518</v>
      </c>
      <c r="U18" s="323">
        <v>342721</v>
      </c>
      <c r="V18" s="323">
        <v>228526616</v>
      </c>
      <c r="W18" s="324">
        <v>1482</v>
      </c>
      <c r="X18" s="323">
        <v>10310</v>
      </c>
      <c r="Y18" s="323">
        <v>121786030</v>
      </c>
      <c r="Z18" s="325">
        <v>562435</v>
      </c>
      <c r="AA18" s="306">
        <v>13010062690</v>
      </c>
      <c r="AB18" s="364">
        <v>12</v>
      </c>
      <c r="AC18" s="362" t="s">
        <v>205</v>
      </c>
      <c r="AD18" s="324">
        <v>116</v>
      </c>
      <c r="AE18" s="323">
        <v>398</v>
      </c>
      <c r="AF18" s="323">
        <v>11594185</v>
      </c>
      <c r="AG18" s="323">
        <v>213</v>
      </c>
      <c r="AH18" s="323">
        <v>7520797</v>
      </c>
      <c r="AI18" s="323">
        <v>8951</v>
      </c>
      <c r="AJ18" s="323">
        <v>59544284</v>
      </c>
      <c r="AK18" s="323">
        <v>888</v>
      </c>
      <c r="AL18" s="323">
        <v>31422520</v>
      </c>
      <c r="AM18" s="323">
        <v>460</v>
      </c>
      <c r="AN18" s="323">
        <v>5422370</v>
      </c>
      <c r="AO18" s="323">
        <v>0</v>
      </c>
      <c r="AP18" s="323">
        <v>0</v>
      </c>
      <c r="AQ18" s="325">
        <v>10910</v>
      </c>
      <c r="AR18" s="325">
        <v>115504156</v>
      </c>
      <c r="AS18" s="338">
        <v>19</v>
      </c>
      <c r="AT18" s="337">
        <v>733447</v>
      </c>
      <c r="AU18" s="364">
        <v>12</v>
      </c>
      <c r="AV18" s="361" t="s">
        <v>205</v>
      </c>
      <c r="AW18" s="324">
        <v>0</v>
      </c>
      <c r="AX18" s="323">
        <v>0</v>
      </c>
      <c r="AY18" s="336">
        <v>573461</v>
      </c>
      <c r="AZ18" s="335">
        <v>13125566846</v>
      </c>
      <c r="BA18" s="334">
        <v>9653310431</v>
      </c>
      <c r="BB18" s="324">
        <v>3093323918</v>
      </c>
      <c r="BC18" s="323">
        <v>378932497</v>
      </c>
      <c r="BD18" s="324">
        <v>25019</v>
      </c>
      <c r="BE18" s="323">
        <v>1390593905</v>
      </c>
      <c r="BF18" s="323">
        <v>5</v>
      </c>
      <c r="BG18" s="333">
        <v>4495</v>
      </c>
      <c r="BH18" s="364">
        <v>12</v>
      </c>
      <c r="BI18" s="360" t="s">
        <v>205</v>
      </c>
      <c r="BJ18" s="359">
        <v>71</v>
      </c>
      <c r="BK18" s="359">
        <v>30010190</v>
      </c>
      <c r="BL18" s="359">
        <v>244</v>
      </c>
      <c r="BM18" s="359">
        <v>12100000</v>
      </c>
      <c r="BN18" s="359">
        <v>2</v>
      </c>
      <c r="BO18" s="359">
        <v>213743</v>
      </c>
      <c r="BP18" s="359">
        <v>0</v>
      </c>
      <c r="BQ18" s="359">
        <v>0</v>
      </c>
      <c r="BR18" s="359">
        <v>0</v>
      </c>
      <c r="BS18" s="359">
        <v>0</v>
      </c>
      <c r="BT18" s="359">
        <v>317</v>
      </c>
      <c r="BU18" s="358">
        <v>42323933</v>
      </c>
      <c r="BV18" s="307">
        <v>573778</v>
      </c>
      <c r="BW18" s="306">
        <v>13167890779</v>
      </c>
      <c r="CA18" s="300" t="e">
        <v>#REF!</v>
      </c>
    </row>
    <row r="19" spans="1:79" s="294" customFormat="1" ht="12.9" customHeight="1" x14ac:dyDescent="0.15">
      <c r="A19" s="332">
        <v>13</v>
      </c>
      <c r="B19" s="361" t="s">
        <v>203</v>
      </c>
      <c r="C19" s="327">
        <v>10123</v>
      </c>
      <c r="D19" s="327">
        <v>151341</v>
      </c>
      <c r="E19" s="327">
        <v>5805475001</v>
      </c>
      <c r="F19" s="327">
        <v>355083</v>
      </c>
      <c r="G19" s="327">
        <v>542099</v>
      </c>
      <c r="H19" s="326">
        <v>5707441046</v>
      </c>
      <c r="I19" s="324">
        <v>82556</v>
      </c>
      <c r="J19" s="323">
        <v>146674</v>
      </c>
      <c r="K19" s="323">
        <v>1113353690</v>
      </c>
      <c r="L19" s="325">
        <v>447762</v>
      </c>
      <c r="M19" s="325">
        <v>840114</v>
      </c>
      <c r="N19" s="321">
        <v>12626269737</v>
      </c>
      <c r="O19" s="364">
        <v>13</v>
      </c>
      <c r="P19" s="362" t="s">
        <v>203</v>
      </c>
      <c r="Q19" s="324">
        <v>258266</v>
      </c>
      <c r="R19" s="323">
        <v>297608</v>
      </c>
      <c r="S19" s="323">
        <v>3328744232</v>
      </c>
      <c r="T19" s="324">
        <v>9274</v>
      </c>
      <c r="U19" s="323">
        <v>396086</v>
      </c>
      <c r="V19" s="323">
        <v>262893340</v>
      </c>
      <c r="W19" s="324">
        <v>1764</v>
      </c>
      <c r="X19" s="323">
        <v>9933</v>
      </c>
      <c r="Y19" s="323">
        <v>119609620</v>
      </c>
      <c r="Z19" s="325">
        <v>707792</v>
      </c>
      <c r="AA19" s="306">
        <v>16337516929</v>
      </c>
      <c r="AB19" s="364">
        <v>13</v>
      </c>
      <c r="AC19" s="362" t="s">
        <v>203</v>
      </c>
      <c r="AD19" s="324">
        <v>23</v>
      </c>
      <c r="AE19" s="323">
        <v>1352</v>
      </c>
      <c r="AF19" s="323">
        <v>20497970</v>
      </c>
      <c r="AG19" s="323">
        <v>318</v>
      </c>
      <c r="AH19" s="323">
        <v>12305302</v>
      </c>
      <c r="AI19" s="323">
        <v>10530</v>
      </c>
      <c r="AJ19" s="323">
        <v>70445658</v>
      </c>
      <c r="AK19" s="323">
        <v>1284</v>
      </c>
      <c r="AL19" s="323">
        <v>44001650</v>
      </c>
      <c r="AM19" s="323">
        <v>894</v>
      </c>
      <c r="AN19" s="323">
        <v>14549440</v>
      </c>
      <c r="AO19" s="323">
        <v>9</v>
      </c>
      <c r="AP19" s="323">
        <v>262016</v>
      </c>
      <c r="AQ19" s="325">
        <v>14387</v>
      </c>
      <c r="AR19" s="325">
        <v>162062036</v>
      </c>
      <c r="AS19" s="338">
        <v>24</v>
      </c>
      <c r="AT19" s="337">
        <v>2155129</v>
      </c>
      <c r="AU19" s="364">
        <v>13</v>
      </c>
      <c r="AV19" s="361" t="s">
        <v>203</v>
      </c>
      <c r="AW19" s="324">
        <v>1</v>
      </c>
      <c r="AX19" s="323">
        <v>8410</v>
      </c>
      <c r="AY19" s="336">
        <v>722203</v>
      </c>
      <c r="AZ19" s="335">
        <v>16499587375</v>
      </c>
      <c r="BA19" s="334">
        <v>12087786464</v>
      </c>
      <c r="BB19" s="324">
        <v>3869686515</v>
      </c>
      <c r="BC19" s="323">
        <v>542114396</v>
      </c>
      <c r="BD19" s="324">
        <v>29489</v>
      </c>
      <c r="BE19" s="323">
        <v>1754263769</v>
      </c>
      <c r="BF19" s="323">
        <v>23</v>
      </c>
      <c r="BG19" s="333">
        <v>624100</v>
      </c>
      <c r="BH19" s="364">
        <v>13</v>
      </c>
      <c r="BI19" s="360" t="s">
        <v>203</v>
      </c>
      <c r="BJ19" s="359">
        <v>199</v>
      </c>
      <c r="BK19" s="359">
        <v>83580000</v>
      </c>
      <c r="BL19" s="359">
        <v>322</v>
      </c>
      <c r="BM19" s="359">
        <v>16100000</v>
      </c>
      <c r="BN19" s="359">
        <v>9</v>
      </c>
      <c r="BO19" s="359">
        <v>1106798</v>
      </c>
      <c r="BP19" s="359">
        <v>0</v>
      </c>
      <c r="BQ19" s="359">
        <v>0</v>
      </c>
      <c r="BR19" s="359">
        <v>0</v>
      </c>
      <c r="BS19" s="359">
        <v>0</v>
      </c>
      <c r="BT19" s="359">
        <v>530</v>
      </c>
      <c r="BU19" s="358">
        <v>100786798</v>
      </c>
      <c r="BV19" s="307">
        <v>722733</v>
      </c>
      <c r="BW19" s="306">
        <v>16600374173</v>
      </c>
      <c r="CA19" s="300" t="e">
        <v>#REF!</v>
      </c>
    </row>
    <row r="20" spans="1:79" s="294" customFormat="1" ht="12.9" customHeight="1" x14ac:dyDescent="0.15">
      <c r="A20" s="364">
        <v>14</v>
      </c>
      <c r="B20" s="361" t="s">
        <v>201</v>
      </c>
      <c r="C20" s="327">
        <v>9111</v>
      </c>
      <c r="D20" s="327">
        <v>135884</v>
      </c>
      <c r="E20" s="327">
        <v>5618647221</v>
      </c>
      <c r="F20" s="327">
        <v>360912</v>
      </c>
      <c r="G20" s="327">
        <v>540184</v>
      </c>
      <c r="H20" s="326">
        <v>5857973731</v>
      </c>
      <c r="I20" s="324">
        <v>87812</v>
      </c>
      <c r="J20" s="323">
        <v>158037</v>
      </c>
      <c r="K20" s="323">
        <v>1206728480</v>
      </c>
      <c r="L20" s="325">
        <v>457835</v>
      </c>
      <c r="M20" s="325">
        <v>834105</v>
      </c>
      <c r="N20" s="337">
        <v>12683349432</v>
      </c>
      <c r="O20" s="364">
        <v>14</v>
      </c>
      <c r="P20" s="362" t="s">
        <v>201</v>
      </c>
      <c r="Q20" s="324">
        <v>279144</v>
      </c>
      <c r="R20" s="323">
        <v>324992</v>
      </c>
      <c r="S20" s="323">
        <v>3272988877</v>
      </c>
      <c r="T20" s="324">
        <v>8547</v>
      </c>
      <c r="U20" s="323">
        <v>351343</v>
      </c>
      <c r="V20" s="323">
        <v>232462343</v>
      </c>
      <c r="W20" s="324">
        <v>1804</v>
      </c>
      <c r="X20" s="323">
        <v>12656</v>
      </c>
      <c r="Y20" s="323">
        <v>149453380</v>
      </c>
      <c r="Z20" s="325">
        <v>738783</v>
      </c>
      <c r="AA20" s="306">
        <v>16338254032</v>
      </c>
      <c r="AB20" s="364">
        <v>14</v>
      </c>
      <c r="AC20" s="362" t="s">
        <v>201</v>
      </c>
      <c r="AD20" s="324">
        <v>19</v>
      </c>
      <c r="AE20" s="323">
        <v>639</v>
      </c>
      <c r="AF20" s="323">
        <v>12406332</v>
      </c>
      <c r="AG20" s="323">
        <v>276</v>
      </c>
      <c r="AH20" s="323">
        <v>11290442</v>
      </c>
      <c r="AI20" s="323">
        <v>16342</v>
      </c>
      <c r="AJ20" s="323">
        <v>124965185</v>
      </c>
      <c r="AK20" s="323">
        <v>1295</v>
      </c>
      <c r="AL20" s="323">
        <v>42520330</v>
      </c>
      <c r="AM20" s="323">
        <v>832</v>
      </c>
      <c r="AN20" s="323">
        <v>9206760</v>
      </c>
      <c r="AO20" s="323">
        <v>2</v>
      </c>
      <c r="AP20" s="323">
        <v>162129</v>
      </c>
      <c r="AQ20" s="325">
        <v>19386</v>
      </c>
      <c r="AR20" s="325">
        <v>200551178</v>
      </c>
      <c r="AS20" s="338">
        <v>1</v>
      </c>
      <c r="AT20" s="337">
        <v>30978</v>
      </c>
      <c r="AU20" s="364">
        <v>14</v>
      </c>
      <c r="AV20" s="361" t="s">
        <v>201</v>
      </c>
      <c r="AW20" s="324">
        <v>1</v>
      </c>
      <c r="AX20" s="323">
        <v>6159465</v>
      </c>
      <c r="AY20" s="336">
        <v>758189</v>
      </c>
      <c r="AZ20" s="335">
        <v>16544964675</v>
      </c>
      <c r="BA20" s="334">
        <v>12120951959</v>
      </c>
      <c r="BB20" s="324">
        <v>3936744374</v>
      </c>
      <c r="BC20" s="323">
        <v>487268342</v>
      </c>
      <c r="BD20" s="324">
        <v>28953</v>
      </c>
      <c r="BE20" s="323">
        <v>1813189388</v>
      </c>
      <c r="BF20" s="323">
        <v>59</v>
      </c>
      <c r="BG20" s="333">
        <v>1753259</v>
      </c>
      <c r="BH20" s="364">
        <v>14</v>
      </c>
      <c r="BI20" s="360" t="s">
        <v>201</v>
      </c>
      <c r="BJ20" s="359">
        <v>175</v>
      </c>
      <c r="BK20" s="359">
        <v>73019985</v>
      </c>
      <c r="BL20" s="359">
        <v>304</v>
      </c>
      <c r="BM20" s="359">
        <v>15200000</v>
      </c>
      <c r="BN20" s="359">
        <v>17</v>
      </c>
      <c r="BO20" s="359">
        <v>2567139</v>
      </c>
      <c r="BP20" s="359">
        <v>0</v>
      </c>
      <c r="BQ20" s="359">
        <v>0</v>
      </c>
      <c r="BR20" s="359">
        <v>0</v>
      </c>
      <c r="BS20" s="359">
        <v>0</v>
      </c>
      <c r="BT20" s="359">
        <v>496</v>
      </c>
      <c r="BU20" s="358">
        <v>90787124</v>
      </c>
      <c r="BV20" s="307">
        <v>758685</v>
      </c>
      <c r="BW20" s="306">
        <v>16635751799</v>
      </c>
      <c r="CA20" s="300" t="e">
        <v>#REF!</v>
      </c>
    </row>
    <row r="21" spans="1:79" s="294" customFormat="1" ht="12.9" customHeight="1" x14ac:dyDescent="0.15">
      <c r="A21" s="364">
        <v>15</v>
      </c>
      <c r="B21" s="361" t="s">
        <v>199</v>
      </c>
      <c r="C21" s="327">
        <v>4231</v>
      </c>
      <c r="D21" s="327">
        <v>69908</v>
      </c>
      <c r="E21" s="327">
        <v>2682953620</v>
      </c>
      <c r="F21" s="327">
        <v>152395</v>
      </c>
      <c r="G21" s="327">
        <v>222168</v>
      </c>
      <c r="H21" s="326">
        <v>2500142571</v>
      </c>
      <c r="I21" s="324">
        <v>39078</v>
      </c>
      <c r="J21" s="323">
        <v>69863</v>
      </c>
      <c r="K21" s="323">
        <v>536969880</v>
      </c>
      <c r="L21" s="325">
        <v>195704</v>
      </c>
      <c r="M21" s="325">
        <v>361939</v>
      </c>
      <c r="N21" s="321">
        <v>5720066071</v>
      </c>
      <c r="O21" s="364">
        <v>15</v>
      </c>
      <c r="P21" s="362" t="s">
        <v>199</v>
      </c>
      <c r="Q21" s="324">
        <v>115722</v>
      </c>
      <c r="R21" s="323">
        <v>131707</v>
      </c>
      <c r="S21" s="323">
        <v>1545838162</v>
      </c>
      <c r="T21" s="324">
        <v>3953</v>
      </c>
      <c r="U21" s="323">
        <v>186123</v>
      </c>
      <c r="V21" s="323">
        <v>123457515</v>
      </c>
      <c r="W21" s="324">
        <v>927</v>
      </c>
      <c r="X21" s="323">
        <v>6391</v>
      </c>
      <c r="Y21" s="323">
        <v>74099910</v>
      </c>
      <c r="Z21" s="325">
        <v>312353</v>
      </c>
      <c r="AA21" s="306">
        <v>7463461658</v>
      </c>
      <c r="AB21" s="364">
        <v>15</v>
      </c>
      <c r="AC21" s="362" t="s">
        <v>199</v>
      </c>
      <c r="AD21" s="324">
        <v>0</v>
      </c>
      <c r="AE21" s="323">
        <v>187</v>
      </c>
      <c r="AF21" s="323">
        <v>8687756</v>
      </c>
      <c r="AG21" s="323">
        <v>146</v>
      </c>
      <c r="AH21" s="323">
        <v>5597658</v>
      </c>
      <c r="AI21" s="323">
        <v>4832</v>
      </c>
      <c r="AJ21" s="323">
        <v>34480806</v>
      </c>
      <c r="AK21" s="323">
        <v>666</v>
      </c>
      <c r="AL21" s="323">
        <v>19316790</v>
      </c>
      <c r="AM21" s="323">
        <v>321</v>
      </c>
      <c r="AN21" s="323">
        <v>4635340</v>
      </c>
      <c r="AO21" s="323">
        <v>0</v>
      </c>
      <c r="AP21" s="323">
        <v>0</v>
      </c>
      <c r="AQ21" s="325">
        <v>6152</v>
      </c>
      <c r="AR21" s="325">
        <v>72718350</v>
      </c>
      <c r="AS21" s="338">
        <v>1</v>
      </c>
      <c r="AT21" s="337">
        <v>80735</v>
      </c>
      <c r="AU21" s="364">
        <v>15</v>
      </c>
      <c r="AV21" s="361" t="s">
        <v>199</v>
      </c>
      <c r="AW21" s="324">
        <v>0</v>
      </c>
      <c r="AX21" s="323">
        <v>0</v>
      </c>
      <c r="AY21" s="336">
        <v>318505</v>
      </c>
      <c r="AZ21" s="335">
        <v>7536180008</v>
      </c>
      <c r="BA21" s="334">
        <v>5535830703</v>
      </c>
      <c r="BB21" s="324">
        <v>1794369131</v>
      </c>
      <c r="BC21" s="323">
        <v>205980174</v>
      </c>
      <c r="BD21" s="324">
        <v>13075</v>
      </c>
      <c r="BE21" s="323">
        <v>820596219</v>
      </c>
      <c r="BF21" s="323">
        <v>28</v>
      </c>
      <c r="BG21" s="333">
        <v>500077</v>
      </c>
      <c r="BH21" s="364">
        <v>15</v>
      </c>
      <c r="BI21" s="360" t="s">
        <v>199</v>
      </c>
      <c r="BJ21" s="359">
        <v>68</v>
      </c>
      <c r="BK21" s="359">
        <v>27284000</v>
      </c>
      <c r="BL21" s="359">
        <v>137</v>
      </c>
      <c r="BM21" s="359">
        <v>6850000</v>
      </c>
      <c r="BN21" s="359">
        <v>5</v>
      </c>
      <c r="BO21" s="359">
        <v>291528</v>
      </c>
      <c r="BP21" s="359">
        <v>0</v>
      </c>
      <c r="BQ21" s="359">
        <v>0</v>
      </c>
      <c r="BR21" s="359">
        <v>0</v>
      </c>
      <c r="BS21" s="359">
        <v>0</v>
      </c>
      <c r="BT21" s="359">
        <v>210</v>
      </c>
      <c r="BU21" s="358">
        <v>34425528</v>
      </c>
      <c r="BV21" s="307">
        <v>318715</v>
      </c>
      <c r="BW21" s="306">
        <v>7570605536</v>
      </c>
      <c r="CA21" s="300" t="e">
        <v>#REF!</v>
      </c>
    </row>
    <row r="22" spans="1:79" s="294" customFormat="1" ht="12.9" customHeight="1" x14ac:dyDescent="0.15">
      <c r="A22" s="364">
        <v>16</v>
      </c>
      <c r="B22" s="383" t="s">
        <v>197</v>
      </c>
      <c r="C22" s="388">
        <v>4998</v>
      </c>
      <c r="D22" s="388">
        <v>79396</v>
      </c>
      <c r="E22" s="388">
        <v>3082551937</v>
      </c>
      <c r="F22" s="388">
        <v>196644</v>
      </c>
      <c r="G22" s="388">
        <v>285197</v>
      </c>
      <c r="H22" s="387">
        <v>3769786665</v>
      </c>
      <c r="I22" s="315">
        <v>47600</v>
      </c>
      <c r="J22" s="314">
        <v>83436</v>
      </c>
      <c r="K22" s="314">
        <v>661937520</v>
      </c>
      <c r="L22" s="325">
        <v>249242</v>
      </c>
      <c r="M22" s="325">
        <v>448029</v>
      </c>
      <c r="N22" s="337">
        <v>7514276122</v>
      </c>
      <c r="O22" s="364">
        <v>16</v>
      </c>
      <c r="P22" s="386" t="s">
        <v>197</v>
      </c>
      <c r="Q22" s="315">
        <v>111578</v>
      </c>
      <c r="R22" s="314">
        <v>133475</v>
      </c>
      <c r="S22" s="314">
        <v>1375491950</v>
      </c>
      <c r="T22" s="315">
        <v>4711</v>
      </c>
      <c r="U22" s="314">
        <v>207662</v>
      </c>
      <c r="V22" s="314">
        <v>136728621</v>
      </c>
      <c r="W22" s="315">
        <v>1186</v>
      </c>
      <c r="X22" s="314">
        <v>6652</v>
      </c>
      <c r="Y22" s="314">
        <v>76922690</v>
      </c>
      <c r="Z22" s="320">
        <v>362006</v>
      </c>
      <c r="AA22" s="321">
        <v>9103419383</v>
      </c>
      <c r="AB22" s="364">
        <v>16</v>
      </c>
      <c r="AC22" s="386" t="s">
        <v>197</v>
      </c>
      <c r="AD22" s="315">
        <v>70</v>
      </c>
      <c r="AE22" s="314">
        <v>257</v>
      </c>
      <c r="AF22" s="314">
        <v>5443946</v>
      </c>
      <c r="AG22" s="314">
        <v>191</v>
      </c>
      <c r="AH22" s="314">
        <v>6930379</v>
      </c>
      <c r="AI22" s="314">
        <v>5945</v>
      </c>
      <c r="AJ22" s="314">
        <v>40012890</v>
      </c>
      <c r="AK22" s="314">
        <v>1030</v>
      </c>
      <c r="AL22" s="314">
        <v>25794250</v>
      </c>
      <c r="AM22" s="314">
        <v>691</v>
      </c>
      <c r="AN22" s="314">
        <v>10804720</v>
      </c>
      <c r="AO22" s="314">
        <v>2</v>
      </c>
      <c r="AP22" s="314">
        <v>135533</v>
      </c>
      <c r="AQ22" s="320">
        <v>8116</v>
      </c>
      <c r="AR22" s="320">
        <v>89121718</v>
      </c>
      <c r="AS22" s="385">
        <v>2</v>
      </c>
      <c r="AT22" s="384">
        <v>15696</v>
      </c>
      <c r="AU22" s="364">
        <v>16</v>
      </c>
      <c r="AV22" s="383" t="s">
        <v>197</v>
      </c>
      <c r="AW22" s="315">
        <v>0</v>
      </c>
      <c r="AX22" s="314">
        <v>0</v>
      </c>
      <c r="AY22" s="318">
        <v>370192</v>
      </c>
      <c r="AZ22" s="382">
        <v>9192541101</v>
      </c>
      <c r="BA22" s="316">
        <v>6742394743</v>
      </c>
      <c r="BB22" s="315">
        <v>2131109637</v>
      </c>
      <c r="BC22" s="314">
        <v>319036721</v>
      </c>
      <c r="BD22" s="315">
        <v>19873</v>
      </c>
      <c r="BE22" s="314">
        <v>1003207732</v>
      </c>
      <c r="BF22" s="314">
        <v>89</v>
      </c>
      <c r="BG22" s="313">
        <v>2179121</v>
      </c>
      <c r="BH22" s="364">
        <v>16</v>
      </c>
      <c r="BI22" s="381" t="s">
        <v>197</v>
      </c>
      <c r="BJ22" s="359">
        <v>91</v>
      </c>
      <c r="BK22" s="359">
        <v>36808515</v>
      </c>
      <c r="BL22" s="359">
        <v>177</v>
      </c>
      <c r="BM22" s="359">
        <v>8850000</v>
      </c>
      <c r="BN22" s="359">
        <v>4</v>
      </c>
      <c r="BO22" s="359">
        <v>137224</v>
      </c>
      <c r="BP22" s="359">
        <v>0</v>
      </c>
      <c r="BQ22" s="359">
        <v>0</v>
      </c>
      <c r="BR22" s="359">
        <v>0</v>
      </c>
      <c r="BS22" s="359">
        <v>0</v>
      </c>
      <c r="BT22" s="359">
        <v>272</v>
      </c>
      <c r="BU22" s="358">
        <v>45795739</v>
      </c>
      <c r="BV22" s="380">
        <v>370464</v>
      </c>
      <c r="BW22" s="321">
        <v>9238336840</v>
      </c>
      <c r="CA22" s="300" t="e">
        <v>#REF!</v>
      </c>
    </row>
    <row r="23" spans="1:79" s="294" customFormat="1" ht="12.9" customHeight="1" x14ac:dyDescent="0.15">
      <c r="A23" s="364">
        <v>17</v>
      </c>
      <c r="B23" s="374" t="s">
        <v>195</v>
      </c>
      <c r="C23" s="378">
        <v>5458</v>
      </c>
      <c r="D23" s="378">
        <v>85708</v>
      </c>
      <c r="E23" s="378">
        <v>3132160731</v>
      </c>
      <c r="F23" s="378">
        <v>204158</v>
      </c>
      <c r="G23" s="378">
        <v>312563</v>
      </c>
      <c r="H23" s="377">
        <v>3525322961</v>
      </c>
      <c r="I23" s="370">
        <v>51666</v>
      </c>
      <c r="J23" s="369">
        <v>92423</v>
      </c>
      <c r="K23" s="369">
        <v>719207193</v>
      </c>
      <c r="L23" s="325">
        <v>261282</v>
      </c>
      <c r="M23" s="325">
        <v>490694</v>
      </c>
      <c r="N23" s="337">
        <v>7376690885</v>
      </c>
      <c r="O23" s="364">
        <v>17</v>
      </c>
      <c r="P23" s="376" t="s">
        <v>195</v>
      </c>
      <c r="Q23" s="370">
        <v>142875</v>
      </c>
      <c r="R23" s="369">
        <v>167752</v>
      </c>
      <c r="S23" s="369">
        <v>1663552334</v>
      </c>
      <c r="T23" s="370">
        <v>4948</v>
      </c>
      <c r="U23" s="369">
        <v>220741</v>
      </c>
      <c r="V23" s="369">
        <v>146691246</v>
      </c>
      <c r="W23" s="370">
        <v>1313</v>
      </c>
      <c r="X23" s="369">
        <v>9183</v>
      </c>
      <c r="Y23" s="369">
        <v>101368730</v>
      </c>
      <c r="Z23" s="375">
        <v>405470</v>
      </c>
      <c r="AA23" s="363">
        <v>9288303195</v>
      </c>
      <c r="AB23" s="364">
        <v>17</v>
      </c>
      <c r="AC23" s="376" t="s">
        <v>195</v>
      </c>
      <c r="AD23" s="370">
        <v>0</v>
      </c>
      <c r="AE23" s="369">
        <v>465</v>
      </c>
      <c r="AF23" s="369">
        <v>10027823</v>
      </c>
      <c r="AG23" s="369">
        <v>197</v>
      </c>
      <c r="AH23" s="369">
        <v>7654539</v>
      </c>
      <c r="AI23" s="369">
        <v>6977</v>
      </c>
      <c r="AJ23" s="369">
        <v>50004070</v>
      </c>
      <c r="AK23" s="369">
        <v>798</v>
      </c>
      <c r="AL23" s="369">
        <v>21589570</v>
      </c>
      <c r="AM23" s="369">
        <v>225</v>
      </c>
      <c r="AN23" s="369">
        <v>2584220</v>
      </c>
      <c r="AO23" s="369">
        <v>5</v>
      </c>
      <c r="AP23" s="369">
        <v>317891</v>
      </c>
      <c r="AQ23" s="375">
        <v>8667</v>
      </c>
      <c r="AR23" s="375">
        <v>92178113</v>
      </c>
      <c r="AS23" s="338">
        <v>22</v>
      </c>
      <c r="AT23" s="337">
        <v>890689</v>
      </c>
      <c r="AU23" s="364">
        <v>17</v>
      </c>
      <c r="AV23" s="374" t="s">
        <v>265</v>
      </c>
      <c r="AW23" s="370">
        <v>0</v>
      </c>
      <c r="AX23" s="369">
        <v>0</v>
      </c>
      <c r="AY23" s="373">
        <v>414137</v>
      </c>
      <c r="AZ23" s="372">
        <v>9380481308</v>
      </c>
      <c r="BA23" s="371">
        <v>6880251466</v>
      </c>
      <c r="BB23" s="370">
        <v>2191003453</v>
      </c>
      <c r="BC23" s="369">
        <v>309226389</v>
      </c>
      <c r="BD23" s="370">
        <v>17707</v>
      </c>
      <c r="BE23" s="369">
        <v>985947203</v>
      </c>
      <c r="BF23" s="369">
        <v>28</v>
      </c>
      <c r="BG23" s="368">
        <v>358759</v>
      </c>
      <c r="BH23" s="364">
        <v>17</v>
      </c>
      <c r="BI23" s="367" t="s">
        <v>195</v>
      </c>
      <c r="BJ23" s="359">
        <v>91</v>
      </c>
      <c r="BK23" s="359">
        <v>38220000</v>
      </c>
      <c r="BL23" s="359">
        <v>183</v>
      </c>
      <c r="BM23" s="359">
        <v>9150000</v>
      </c>
      <c r="BN23" s="359">
        <v>8</v>
      </c>
      <c r="BO23" s="359">
        <v>438899</v>
      </c>
      <c r="BP23" s="359">
        <v>0</v>
      </c>
      <c r="BQ23" s="359">
        <v>0</v>
      </c>
      <c r="BR23" s="359">
        <v>0</v>
      </c>
      <c r="BS23" s="359">
        <v>0</v>
      </c>
      <c r="BT23" s="359">
        <v>282</v>
      </c>
      <c r="BU23" s="358">
        <v>47808899</v>
      </c>
      <c r="BV23" s="366">
        <v>414419</v>
      </c>
      <c r="BW23" s="363">
        <v>9428290207</v>
      </c>
      <c r="CA23" s="300" t="e">
        <v>#REF!</v>
      </c>
    </row>
    <row r="24" spans="1:79" s="294" customFormat="1" ht="12.9" customHeight="1" x14ac:dyDescent="0.15">
      <c r="A24" s="364">
        <v>18</v>
      </c>
      <c r="B24" s="374" t="s">
        <v>193</v>
      </c>
      <c r="C24" s="378">
        <v>1955</v>
      </c>
      <c r="D24" s="378">
        <v>34230</v>
      </c>
      <c r="E24" s="378">
        <v>1087440900</v>
      </c>
      <c r="F24" s="378">
        <v>71781</v>
      </c>
      <c r="G24" s="378">
        <v>105260</v>
      </c>
      <c r="H24" s="377">
        <v>1099327730</v>
      </c>
      <c r="I24" s="370">
        <v>17361</v>
      </c>
      <c r="J24" s="369">
        <v>32597</v>
      </c>
      <c r="K24" s="369">
        <v>237249720</v>
      </c>
      <c r="L24" s="325">
        <v>91097</v>
      </c>
      <c r="M24" s="325">
        <v>172087</v>
      </c>
      <c r="N24" s="321">
        <v>2424018350</v>
      </c>
      <c r="O24" s="364">
        <v>18</v>
      </c>
      <c r="P24" s="376" t="s">
        <v>193</v>
      </c>
      <c r="Q24" s="370">
        <v>51797</v>
      </c>
      <c r="R24" s="369">
        <v>60027</v>
      </c>
      <c r="S24" s="369">
        <v>682020370</v>
      </c>
      <c r="T24" s="370">
        <v>1837</v>
      </c>
      <c r="U24" s="369">
        <v>91054</v>
      </c>
      <c r="V24" s="369">
        <v>59643946</v>
      </c>
      <c r="W24" s="370">
        <v>302</v>
      </c>
      <c r="X24" s="369">
        <v>1537</v>
      </c>
      <c r="Y24" s="369">
        <v>17804070</v>
      </c>
      <c r="Z24" s="375">
        <v>143196</v>
      </c>
      <c r="AA24" s="363">
        <v>3183486736</v>
      </c>
      <c r="AB24" s="364">
        <v>18</v>
      </c>
      <c r="AC24" s="376" t="s">
        <v>193</v>
      </c>
      <c r="AD24" s="370">
        <v>1</v>
      </c>
      <c r="AE24" s="369">
        <v>34</v>
      </c>
      <c r="AF24" s="369">
        <v>2424142</v>
      </c>
      <c r="AG24" s="369">
        <v>59</v>
      </c>
      <c r="AH24" s="369">
        <v>2185981</v>
      </c>
      <c r="AI24" s="369">
        <v>1749</v>
      </c>
      <c r="AJ24" s="369">
        <v>13560687</v>
      </c>
      <c r="AK24" s="369">
        <v>398</v>
      </c>
      <c r="AL24" s="369">
        <v>12578760</v>
      </c>
      <c r="AM24" s="369">
        <v>93</v>
      </c>
      <c r="AN24" s="369">
        <v>981300</v>
      </c>
      <c r="AO24" s="369">
        <v>0</v>
      </c>
      <c r="AP24" s="369">
        <v>0</v>
      </c>
      <c r="AQ24" s="375">
        <v>2333</v>
      </c>
      <c r="AR24" s="375">
        <v>31730870</v>
      </c>
      <c r="AS24" s="338">
        <v>2</v>
      </c>
      <c r="AT24" s="337">
        <v>46122</v>
      </c>
      <c r="AU24" s="364">
        <v>18</v>
      </c>
      <c r="AV24" s="374" t="s">
        <v>193</v>
      </c>
      <c r="AW24" s="370">
        <v>0</v>
      </c>
      <c r="AX24" s="369">
        <v>0</v>
      </c>
      <c r="AY24" s="373">
        <v>145530</v>
      </c>
      <c r="AZ24" s="372">
        <v>3215217606</v>
      </c>
      <c r="BA24" s="371">
        <v>2362720766</v>
      </c>
      <c r="BB24" s="370">
        <v>766643916</v>
      </c>
      <c r="BC24" s="369">
        <v>85852924</v>
      </c>
      <c r="BD24" s="370">
        <v>7099</v>
      </c>
      <c r="BE24" s="369">
        <v>344878106</v>
      </c>
      <c r="BF24" s="369">
        <v>16</v>
      </c>
      <c r="BG24" s="368">
        <v>236534</v>
      </c>
      <c r="BH24" s="364">
        <v>18</v>
      </c>
      <c r="BI24" s="367" t="s">
        <v>193</v>
      </c>
      <c r="BJ24" s="359">
        <v>12</v>
      </c>
      <c r="BK24" s="359">
        <v>4587220</v>
      </c>
      <c r="BL24" s="359">
        <v>63</v>
      </c>
      <c r="BM24" s="359">
        <v>3150000</v>
      </c>
      <c r="BN24" s="359">
        <v>0</v>
      </c>
      <c r="BO24" s="359">
        <v>0</v>
      </c>
      <c r="BP24" s="359">
        <v>0</v>
      </c>
      <c r="BQ24" s="359">
        <v>0</v>
      </c>
      <c r="BR24" s="359">
        <v>0</v>
      </c>
      <c r="BS24" s="359">
        <v>0</v>
      </c>
      <c r="BT24" s="359">
        <v>75</v>
      </c>
      <c r="BU24" s="358">
        <v>7737220</v>
      </c>
      <c r="BV24" s="366">
        <v>145605</v>
      </c>
      <c r="BW24" s="363">
        <v>3222954826</v>
      </c>
      <c r="CA24" s="300" t="e">
        <v>#REF!</v>
      </c>
    </row>
    <row r="25" spans="1:79" s="294" customFormat="1" ht="12.9" customHeight="1" x14ac:dyDescent="0.15">
      <c r="A25" s="364">
        <v>19</v>
      </c>
      <c r="B25" s="374" t="s">
        <v>191</v>
      </c>
      <c r="C25" s="378">
        <v>1342</v>
      </c>
      <c r="D25" s="378">
        <v>17227</v>
      </c>
      <c r="E25" s="378">
        <v>761162100</v>
      </c>
      <c r="F25" s="378">
        <v>59420</v>
      </c>
      <c r="G25" s="378">
        <v>88485</v>
      </c>
      <c r="H25" s="377">
        <v>894784474</v>
      </c>
      <c r="I25" s="370">
        <v>14910</v>
      </c>
      <c r="J25" s="369">
        <v>26349</v>
      </c>
      <c r="K25" s="369">
        <v>204999750</v>
      </c>
      <c r="L25" s="325">
        <v>75672</v>
      </c>
      <c r="M25" s="325">
        <v>132061</v>
      </c>
      <c r="N25" s="337">
        <v>1860946324</v>
      </c>
      <c r="O25" s="364">
        <v>19</v>
      </c>
      <c r="P25" s="376" t="s">
        <v>191</v>
      </c>
      <c r="Q25" s="370">
        <v>43125</v>
      </c>
      <c r="R25" s="369">
        <v>49962</v>
      </c>
      <c r="S25" s="369">
        <v>534451342</v>
      </c>
      <c r="T25" s="370">
        <v>1209</v>
      </c>
      <c r="U25" s="369">
        <v>44027</v>
      </c>
      <c r="V25" s="369">
        <v>29273354</v>
      </c>
      <c r="W25" s="370">
        <v>256</v>
      </c>
      <c r="X25" s="369">
        <v>1394</v>
      </c>
      <c r="Y25" s="369">
        <v>14904650</v>
      </c>
      <c r="Z25" s="379">
        <v>119053</v>
      </c>
      <c r="AA25" s="363">
        <v>2439575670</v>
      </c>
      <c r="AB25" s="364">
        <v>19</v>
      </c>
      <c r="AC25" s="376" t="s">
        <v>191</v>
      </c>
      <c r="AD25" s="370">
        <v>0</v>
      </c>
      <c r="AE25" s="369">
        <v>343</v>
      </c>
      <c r="AF25" s="369">
        <v>9688190</v>
      </c>
      <c r="AG25" s="369">
        <v>51</v>
      </c>
      <c r="AH25" s="369">
        <v>1888582</v>
      </c>
      <c r="AI25" s="369">
        <v>1486</v>
      </c>
      <c r="AJ25" s="369">
        <v>10634105</v>
      </c>
      <c r="AK25" s="369">
        <v>202</v>
      </c>
      <c r="AL25" s="369">
        <v>7158074</v>
      </c>
      <c r="AM25" s="369">
        <v>319</v>
      </c>
      <c r="AN25" s="369">
        <v>3650630</v>
      </c>
      <c r="AO25" s="369">
        <v>0</v>
      </c>
      <c r="AP25" s="369">
        <v>0</v>
      </c>
      <c r="AQ25" s="375">
        <v>2401</v>
      </c>
      <c r="AR25" s="375">
        <v>33019581</v>
      </c>
      <c r="AS25" s="373">
        <v>1</v>
      </c>
      <c r="AT25" s="337">
        <v>89610</v>
      </c>
      <c r="AU25" s="364">
        <v>19</v>
      </c>
      <c r="AV25" s="374" t="s">
        <v>264</v>
      </c>
      <c r="AW25" s="370">
        <v>1</v>
      </c>
      <c r="AX25" s="369">
        <v>26690</v>
      </c>
      <c r="AY25" s="373">
        <v>121455</v>
      </c>
      <c r="AZ25" s="372">
        <v>2472621941</v>
      </c>
      <c r="BA25" s="371">
        <v>1818234776</v>
      </c>
      <c r="BB25" s="370">
        <v>581491375</v>
      </c>
      <c r="BC25" s="369">
        <v>72895790</v>
      </c>
      <c r="BD25" s="370">
        <v>4953</v>
      </c>
      <c r="BE25" s="369">
        <v>238859427</v>
      </c>
      <c r="BF25" s="369">
        <v>8</v>
      </c>
      <c r="BG25" s="368">
        <v>169599</v>
      </c>
      <c r="BH25" s="364">
        <v>19</v>
      </c>
      <c r="BI25" s="367" t="s">
        <v>191</v>
      </c>
      <c r="BJ25" s="359">
        <v>22</v>
      </c>
      <c r="BK25" s="359">
        <v>9628000</v>
      </c>
      <c r="BL25" s="359">
        <v>44</v>
      </c>
      <c r="BM25" s="359">
        <v>2200000</v>
      </c>
      <c r="BN25" s="359">
        <v>0</v>
      </c>
      <c r="BO25" s="359">
        <v>0</v>
      </c>
      <c r="BP25" s="359">
        <v>0</v>
      </c>
      <c r="BQ25" s="359">
        <v>0</v>
      </c>
      <c r="BR25" s="359">
        <v>0</v>
      </c>
      <c r="BS25" s="359">
        <v>0</v>
      </c>
      <c r="BT25" s="359">
        <v>66</v>
      </c>
      <c r="BU25" s="358">
        <v>11828000</v>
      </c>
      <c r="BV25" s="366">
        <v>121521</v>
      </c>
      <c r="BW25" s="363">
        <v>2484449941</v>
      </c>
      <c r="CA25" s="300" t="e">
        <v>#REF!</v>
      </c>
    </row>
    <row r="26" spans="1:79" s="294" customFormat="1" ht="12.9" customHeight="1" x14ac:dyDescent="0.15">
      <c r="A26" s="364">
        <v>20</v>
      </c>
      <c r="B26" s="374" t="s">
        <v>188</v>
      </c>
      <c r="C26" s="378">
        <v>2223</v>
      </c>
      <c r="D26" s="378">
        <v>33327</v>
      </c>
      <c r="E26" s="378">
        <v>1351953883</v>
      </c>
      <c r="F26" s="378">
        <v>79301</v>
      </c>
      <c r="G26" s="378">
        <v>115025</v>
      </c>
      <c r="H26" s="377">
        <v>1322841650</v>
      </c>
      <c r="I26" s="370">
        <v>19804</v>
      </c>
      <c r="J26" s="369">
        <v>33090</v>
      </c>
      <c r="K26" s="369">
        <v>252166130</v>
      </c>
      <c r="L26" s="325">
        <v>101328</v>
      </c>
      <c r="M26" s="325">
        <v>181442</v>
      </c>
      <c r="N26" s="321">
        <v>2926961663</v>
      </c>
      <c r="O26" s="364">
        <v>20</v>
      </c>
      <c r="P26" s="376" t="s">
        <v>188</v>
      </c>
      <c r="Q26" s="370">
        <v>56268</v>
      </c>
      <c r="R26" s="369">
        <v>66200</v>
      </c>
      <c r="S26" s="369">
        <v>723933486</v>
      </c>
      <c r="T26" s="370">
        <v>2019</v>
      </c>
      <c r="U26" s="369">
        <v>83386</v>
      </c>
      <c r="V26" s="369">
        <v>55539330</v>
      </c>
      <c r="W26" s="370">
        <v>481</v>
      </c>
      <c r="X26" s="369">
        <v>3043</v>
      </c>
      <c r="Y26" s="369">
        <v>33690970</v>
      </c>
      <c r="Z26" s="375">
        <v>158077</v>
      </c>
      <c r="AA26" s="363">
        <v>3740125449</v>
      </c>
      <c r="AB26" s="364">
        <v>20</v>
      </c>
      <c r="AC26" s="376" t="s">
        <v>188</v>
      </c>
      <c r="AD26" s="370">
        <v>99</v>
      </c>
      <c r="AE26" s="369">
        <v>79</v>
      </c>
      <c r="AF26" s="369">
        <v>1912480</v>
      </c>
      <c r="AG26" s="369">
        <v>79</v>
      </c>
      <c r="AH26" s="369">
        <v>2883086</v>
      </c>
      <c r="AI26" s="369">
        <v>2555</v>
      </c>
      <c r="AJ26" s="369">
        <v>17098166</v>
      </c>
      <c r="AK26" s="369">
        <v>350</v>
      </c>
      <c r="AL26" s="369">
        <v>10668190</v>
      </c>
      <c r="AM26" s="369">
        <v>136</v>
      </c>
      <c r="AN26" s="369">
        <v>2691000</v>
      </c>
      <c r="AO26" s="369">
        <v>0</v>
      </c>
      <c r="AP26" s="369">
        <v>0</v>
      </c>
      <c r="AQ26" s="375">
        <v>3199</v>
      </c>
      <c r="AR26" s="375">
        <v>35252922</v>
      </c>
      <c r="AS26" s="373">
        <v>0</v>
      </c>
      <c r="AT26" s="337">
        <v>0</v>
      </c>
      <c r="AU26" s="364">
        <v>20</v>
      </c>
      <c r="AV26" s="374" t="s">
        <v>263</v>
      </c>
      <c r="AW26" s="370">
        <v>1</v>
      </c>
      <c r="AX26" s="369">
        <v>147056</v>
      </c>
      <c r="AY26" s="373">
        <v>161376</v>
      </c>
      <c r="AZ26" s="372">
        <v>3775525427</v>
      </c>
      <c r="BA26" s="371">
        <v>2775702584</v>
      </c>
      <c r="BB26" s="370">
        <v>896290658</v>
      </c>
      <c r="BC26" s="369">
        <v>103532185</v>
      </c>
      <c r="BD26" s="370">
        <v>7882</v>
      </c>
      <c r="BE26" s="369">
        <v>406333434</v>
      </c>
      <c r="BF26" s="369">
        <v>23</v>
      </c>
      <c r="BG26" s="368">
        <v>579128</v>
      </c>
      <c r="BH26" s="364">
        <v>20</v>
      </c>
      <c r="BI26" s="367" t="s">
        <v>188</v>
      </c>
      <c r="BJ26" s="359">
        <v>35</v>
      </c>
      <c r="BK26" s="359">
        <v>14324570</v>
      </c>
      <c r="BL26" s="359">
        <v>61</v>
      </c>
      <c r="BM26" s="359">
        <v>3050000</v>
      </c>
      <c r="BN26" s="359">
        <v>1</v>
      </c>
      <c r="BO26" s="359">
        <v>63657</v>
      </c>
      <c r="BP26" s="359">
        <v>0</v>
      </c>
      <c r="BQ26" s="359">
        <v>0</v>
      </c>
      <c r="BR26" s="359">
        <v>0</v>
      </c>
      <c r="BS26" s="359">
        <v>0</v>
      </c>
      <c r="BT26" s="359">
        <v>97</v>
      </c>
      <c r="BU26" s="358">
        <v>17438227</v>
      </c>
      <c r="BV26" s="366">
        <v>161473</v>
      </c>
      <c r="BW26" s="363">
        <v>3792963654</v>
      </c>
      <c r="CA26" s="300" t="e">
        <v>#REF!</v>
      </c>
    </row>
    <row r="27" spans="1:79" s="294" customFormat="1" ht="12.9" customHeight="1" x14ac:dyDescent="0.15">
      <c r="A27" s="364">
        <v>21</v>
      </c>
      <c r="B27" s="374" t="s">
        <v>186</v>
      </c>
      <c r="C27" s="378">
        <v>3797</v>
      </c>
      <c r="D27" s="378">
        <v>57409</v>
      </c>
      <c r="E27" s="378">
        <v>2204825889</v>
      </c>
      <c r="F27" s="378">
        <v>132340</v>
      </c>
      <c r="G27" s="378">
        <v>194589</v>
      </c>
      <c r="H27" s="377">
        <v>2418258986</v>
      </c>
      <c r="I27" s="370">
        <v>35904</v>
      </c>
      <c r="J27" s="369">
        <v>62355</v>
      </c>
      <c r="K27" s="369">
        <v>511736900</v>
      </c>
      <c r="L27" s="325">
        <v>172041</v>
      </c>
      <c r="M27" s="325">
        <v>314353</v>
      </c>
      <c r="N27" s="337">
        <v>5134821775</v>
      </c>
      <c r="O27" s="364">
        <v>21</v>
      </c>
      <c r="P27" s="376" t="s">
        <v>186</v>
      </c>
      <c r="Q27" s="370">
        <v>90692</v>
      </c>
      <c r="R27" s="369">
        <v>107143</v>
      </c>
      <c r="S27" s="369">
        <v>1223472854</v>
      </c>
      <c r="T27" s="370">
        <v>3470</v>
      </c>
      <c r="U27" s="369">
        <v>149007</v>
      </c>
      <c r="V27" s="369">
        <v>98808274</v>
      </c>
      <c r="W27" s="370">
        <v>789</v>
      </c>
      <c r="X27" s="369">
        <v>5278</v>
      </c>
      <c r="Y27" s="369">
        <v>59261360</v>
      </c>
      <c r="Z27" s="375">
        <v>263522</v>
      </c>
      <c r="AA27" s="363">
        <v>6516364263</v>
      </c>
      <c r="AB27" s="364">
        <v>21</v>
      </c>
      <c r="AC27" s="376" t="s">
        <v>186</v>
      </c>
      <c r="AD27" s="370">
        <v>0</v>
      </c>
      <c r="AE27" s="369">
        <v>373</v>
      </c>
      <c r="AF27" s="369">
        <v>4936162</v>
      </c>
      <c r="AG27" s="369">
        <v>150</v>
      </c>
      <c r="AH27" s="369">
        <v>4980550</v>
      </c>
      <c r="AI27" s="369">
        <v>5320</v>
      </c>
      <c r="AJ27" s="369">
        <v>41328725</v>
      </c>
      <c r="AK27" s="369">
        <v>413</v>
      </c>
      <c r="AL27" s="369">
        <v>11249140</v>
      </c>
      <c r="AM27" s="369">
        <v>250</v>
      </c>
      <c r="AN27" s="369">
        <v>3690880</v>
      </c>
      <c r="AO27" s="369">
        <v>0</v>
      </c>
      <c r="AP27" s="369">
        <v>0</v>
      </c>
      <c r="AQ27" s="375">
        <v>6506</v>
      </c>
      <c r="AR27" s="375">
        <v>66185457</v>
      </c>
      <c r="AS27" s="338">
        <v>9</v>
      </c>
      <c r="AT27" s="337">
        <v>681372</v>
      </c>
      <c r="AU27" s="364">
        <v>21</v>
      </c>
      <c r="AV27" s="374" t="s">
        <v>262</v>
      </c>
      <c r="AW27" s="370">
        <v>0</v>
      </c>
      <c r="AX27" s="369">
        <v>0</v>
      </c>
      <c r="AY27" s="373">
        <v>270028</v>
      </c>
      <c r="AZ27" s="372">
        <v>6582549720</v>
      </c>
      <c r="BA27" s="371">
        <v>4843820889</v>
      </c>
      <c r="BB27" s="370">
        <v>1552404611</v>
      </c>
      <c r="BC27" s="369">
        <v>186324220</v>
      </c>
      <c r="BD27" s="370">
        <v>14033</v>
      </c>
      <c r="BE27" s="369">
        <v>727083466</v>
      </c>
      <c r="BF27" s="369">
        <v>22</v>
      </c>
      <c r="BG27" s="368">
        <v>776430</v>
      </c>
      <c r="BH27" s="364">
        <v>21</v>
      </c>
      <c r="BI27" s="367" t="s">
        <v>186</v>
      </c>
      <c r="BJ27" s="359">
        <v>79</v>
      </c>
      <c r="BK27" s="359">
        <v>33180000</v>
      </c>
      <c r="BL27" s="359">
        <v>116</v>
      </c>
      <c r="BM27" s="359">
        <v>5800000</v>
      </c>
      <c r="BN27" s="359">
        <v>2</v>
      </c>
      <c r="BO27" s="359">
        <v>184071</v>
      </c>
      <c r="BP27" s="359">
        <v>0</v>
      </c>
      <c r="BQ27" s="359">
        <v>0</v>
      </c>
      <c r="BR27" s="359">
        <v>0</v>
      </c>
      <c r="BS27" s="359">
        <v>0</v>
      </c>
      <c r="BT27" s="359">
        <v>197</v>
      </c>
      <c r="BU27" s="358">
        <v>39164071</v>
      </c>
      <c r="BV27" s="366">
        <v>270225</v>
      </c>
      <c r="BW27" s="363">
        <v>6621713791</v>
      </c>
      <c r="CA27" s="300" t="e">
        <v>#REF!</v>
      </c>
    </row>
    <row r="28" spans="1:79" s="294" customFormat="1" ht="12.9" customHeight="1" x14ac:dyDescent="0.15">
      <c r="A28" s="364">
        <v>22</v>
      </c>
      <c r="B28" s="374" t="s">
        <v>184</v>
      </c>
      <c r="C28" s="378">
        <v>1769</v>
      </c>
      <c r="D28" s="378">
        <v>29215</v>
      </c>
      <c r="E28" s="378">
        <v>1076775444</v>
      </c>
      <c r="F28" s="378">
        <v>60578</v>
      </c>
      <c r="G28" s="378">
        <v>84242</v>
      </c>
      <c r="H28" s="377">
        <v>899344342</v>
      </c>
      <c r="I28" s="370">
        <v>14391</v>
      </c>
      <c r="J28" s="369">
        <v>24547</v>
      </c>
      <c r="K28" s="369">
        <v>189835410</v>
      </c>
      <c r="L28" s="325">
        <v>76738</v>
      </c>
      <c r="M28" s="325">
        <v>138004</v>
      </c>
      <c r="N28" s="321">
        <v>2165955196</v>
      </c>
      <c r="O28" s="364">
        <v>22</v>
      </c>
      <c r="P28" s="376" t="s">
        <v>184</v>
      </c>
      <c r="Q28" s="370">
        <v>47282</v>
      </c>
      <c r="R28" s="369">
        <v>53875</v>
      </c>
      <c r="S28" s="369">
        <v>604353842</v>
      </c>
      <c r="T28" s="370">
        <v>1614</v>
      </c>
      <c r="U28" s="369">
        <v>75657</v>
      </c>
      <c r="V28" s="369">
        <v>49617250</v>
      </c>
      <c r="W28" s="370">
        <v>359</v>
      </c>
      <c r="X28" s="369">
        <v>1970</v>
      </c>
      <c r="Y28" s="369">
        <v>21973510</v>
      </c>
      <c r="Z28" s="375">
        <v>124379</v>
      </c>
      <c r="AA28" s="363">
        <v>2841899798</v>
      </c>
      <c r="AB28" s="364">
        <v>22</v>
      </c>
      <c r="AC28" s="376" t="s">
        <v>184</v>
      </c>
      <c r="AD28" s="370">
        <v>140</v>
      </c>
      <c r="AE28" s="369">
        <v>73</v>
      </c>
      <c r="AF28" s="369">
        <v>1526805</v>
      </c>
      <c r="AG28" s="369">
        <v>63</v>
      </c>
      <c r="AH28" s="369">
        <v>2240909</v>
      </c>
      <c r="AI28" s="369">
        <v>1388</v>
      </c>
      <c r="AJ28" s="369">
        <v>9102598</v>
      </c>
      <c r="AK28" s="369">
        <v>165</v>
      </c>
      <c r="AL28" s="369">
        <v>6320830</v>
      </c>
      <c r="AM28" s="369">
        <v>159</v>
      </c>
      <c r="AN28" s="369">
        <v>2942810</v>
      </c>
      <c r="AO28" s="369">
        <v>0</v>
      </c>
      <c r="AP28" s="369">
        <v>0</v>
      </c>
      <c r="AQ28" s="375">
        <v>1848</v>
      </c>
      <c r="AR28" s="375">
        <v>22133952</v>
      </c>
      <c r="AS28" s="338">
        <v>5</v>
      </c>
      <c r="AT28" s="337">
        <v>177718</v>
      </c>
      <c r="AU28" s="364">
        <v>22</v>
      </c>
      <c r="AV28" s="374" t="s">
        <v>184</v>
      </c>
      <c r="AW28" s="370">
        <v>0</v>
      </c>
      <c r="AX28" s="369">
        <v>0</v>
      </c>
      <c r="AY28" s="373">
        <v>126367</v>
      </c>
      <c r="AZ28" s="372">
        <v>2864033750</v>
      </c>
      <c r="BA28" s="371">
        <v>2106091381</v>
      </c>
      <c r="BB28" s="370">
        <v>671721898</v>
      </c>
      <c r="BC28" s="369">
        <v>86220471</v>
      </c>
      <c r="BD28" s="370">
        <v>6617</v>
      </c>
      <c r="BE28" s="369">
        <v>313499248</v>
      </c>
      <c r="BF28" s="369">
        <v>14</v>
      </c>
      <c r="BG28" s="368">
        <v>278343</v>
      </c>
      <c r="BH28" s="364">
        <v>22</v>
      </c>
      <c r="BI28" s="367" t="s">
        <v>184</v>
      </c>
      <c r="BJ28" s="359">
        <v>19</v>
      </c>
      <c r="BK28" s="359">
        <v>7140000</v>
      </c>
      <c r="BL28" s="359">
        <v>54</v>
      </c>
      <c r="BM28" s="359">
        <v>2700000</v>
      </c>
      <c r="BN28" s="359">
        <v>0</v>
      </c>
      <c r="BO28" s="359">
        <v>0</v>
      </c>
      <c r="BP28" s="359">
        <v>0</v>
      </c>
      <c r="BQ28" s="359">
        <v>0</v>
      </c>
      <c r="BR28" s="359">
        <v>0</v>
      </c>
      <c r="BS28" s="359">
        <v>0</v>
      </c>
      <c r="BT28" s="359">
        <v>73</v>
      </c>
      <c r="BU28" s="358">
        <v>9840000</v>
      </c>
      <c r="BV28" s="366">
        <v>126440</v>
      </c>
      <c r="BW28" s="363">
        <v>2873873750</v>
      </c>
      <c r="CA28" s="300" t="e">
        <v>#REF!</v>
      </c>
    </row>
    <row r="29" spans="1:79" s="294" customFormat="1" ht="12.9" customHeight="1" x14ac:dyDescent="0.15">
      <c r="A29" s="364">
        <v>23</v>
      </c>
      <c r="B29" s="361" t="s">
        <v>182</v>
      </c>
      <c r="C29" s="327">
        <v>1304</v>
      </c>
      <c r="D29" s="327">
        <v>21557</v>
      </c>
      <c r="E29" s="327">
        <v>768030368</v>
      </c>
      <c r="F29" s="327">
        <v>49080</v>
      </c>
      <c r="G29" s="327">
        <v>71636</v>
      </c>
      <c r="H29" s="326">
        <v>734305011</v>
      </c>
      <c r="I29" s="324">
        <v>11287</v>
      </c>
      <c r="J29" s="323">
        <v>20360</v>
      </c>
      <c r="K29" s="323">
        <v>152188100</v>
      </c>
      <c r="L29" s="325">
        <v>61671</v>
      </c>
      <c r="M29" s="325">
        <v>113553</v>
      </c>
      <c r="N29" s="337">
        <v>1654523479</v>
      </c>
      <c r="O29" s="364">
        <v>23</v>
      </c>
      <c r="P29" s="362" t="s">
        <v>182</v>
      </c>
      <c r="Q29" s="324">
        <v>37952</v>
      </c>
      <c r="R29" s="323">
        <v>43732</v>
      </c>
      <c r="S29" s="323">
        <v>483458018</v>
      </c>
      <c r="T29" s="324">
        <v>1214</v>
      </c>
      <c r="U29" s="323">
        <v>55277</v>
      </c>
      <c r="V29" s="323">
        <v>37319056</v>
      </c>
      <c r="W29" s="324">
        <v>227</v>
      </c>
      <c r="X29" s="323">
        <v>1349</v>
      </c>
      <c r="Y29" s="323">
        <v>14941710</v>
      </c>
      <c r="Z29" s="325">
        <v>99850</v>
      </c>
      <c r="AA29" s="306">
        <v>2190242263</v>
      </c>
      <c r="AB29" s="364">
        <v>23</v>
      </c>
      <c r="AC29" s="362" t="s">
        <v>182</v>
      </c>
      <c r="AD29" s="324">
        <v>3</v>
      </c>
      <c r="AE29" s="323">
        <v>48</v>
      </c>
      <c r="AF29" s="323">
        <v>404143</v>
      </c>
      <c r="AG29" s="323">
        <v>45</v>
      </c>
      <c r="AH29" s="323">
        <v>1508563</v>
      </c>
      <c r="AI29" s="323">
        <v>846</v>
      </c>
      <c r="AJ29" s="323">
        <v>5861709</v>
      </c>
      <c r="AK29" s="323">
        <v>180</v>
      </c>
      <c r="AL29" s="323">
        <v>7994810</v>
      </c>
      <c r="AM29" s="323">
        <v>88</v>
      </c>
      <c r="AN29" s="323">
        <v>2327120</v>
      </c>
      <c r="AO29" s="323">
        <v>14</v>
      </c>
      <c r="AP29" s="323">
        <v>152427</v>
      </c>
      <c r="AQ29" s="325">
        <v>1221</v>
      </c>
      <c r="AR29" s="325">
        <v>18248772</v>
      </c>
      <c r="AS29" s="365">
        <v>0</v>
      </c>
      <c r="AT29" s="342">
        <v>0</v>
      </c>
      <c r="AU29" s="364">
        <v>23</v>
      </c>
      <c r="AV29" s="361" t="s">
        <v>182</v>
      </c>
      <c r="AW29" s="324">
        <v>0</v>
      </c>
      <c r="AX29" s="323">
        <v>0</v>
      </c>
      <c r="AY29" s="336">
        <v>101074</v>
      </c>
      <c r="AZ29" s="335">
        <v>2208491035</v>
      </c>
      <c r="BA29" s="334">
        <v>1619734919</v>
      </c>
      <c r="BB29" s="324">
        <v>509361542</v>
      </c>
      <c r="BC29" s="323">
        <v>79394574</v>
      </c>
      <c r="BD29" s="324">
        <v>5350</v>
      </c>
      <c r="BE29" s="323">
        <v>227995462</v>
      </c>
      <c r="BF29" s="323">
        <v>3</v>
      </c>
      <c r="BG29" s="333">
        <v>66087</v>
      </c>
      <c r="BH29" s="364">
        <v>23</v>
      </c>
      <c r="BI29" s="360" t="s">
        <v>182</v>
      </c>
      <c r="BJ29" s="359">
        <v>20</v>
      </c>
      <c r="BK29" s="359">
        <v>8400000</v>
      </c>
      <c r="BL29" s="359">
        <v>46</v>
      </c>
      <c r="BM29" s="359">
        <v>2300000</v>
      </c>
      <c r="BN29" s="359">
        <v>1</v>
      </c>
      <c r="BO29" s="359">
        <v>55362</v>
      </c>
      <c r="BP29" s="359">
        <v>0</v>
      </c>
      <c r="BQ29" s="359">
        <v>0</v>
      </c>
      <c r="BR29" s="359">
        <v>0</v>
      </c>
      <c r="BS29" s="359">
        <v>0</v>
      </c>
      <c r="BT29" s="359">
        <v>67</v>
      </c>
      <c r="BU29" s="358">
        <v>10755362</v>
      </c>
      <c r="BV29" s="307">
        <v>101141</v>
      </c>
      <c r="BW29" s="306">
        <v>2219246397</v>
      </c>
      <c r="CA29" s="300" t="e">
        <v>#REF!</v>
      </c>
    </row>
    <row r="30" spans="1:79" s="294" customFormat="1" ht="12.9" customHeight="1" x14ac:dyDescent="0.15">
      <c r="A30" s="364">
        <v>24</v>
      </c>
      <c r="B30" s="361" t="s">
        <v>180</v>
      </c>
      <c r="C30" s="327">
        <v>535</v>
      </c>
      <c r="D30" s="327">
        <v>7785</v>
      </c>
      <c r="E30" s="327">
        <v>312407630</v>
      </c>
      <c r="F30" s="327">
        <v>19640</v>
      </c>
      <c r="G30" s="327">
        <v>28348</v>
      </c>
      <c r="H30" s="326">
        <v>297795490</v>
      </c>
      <c r="I30" s="324">
        <v>4470</v>
      </c>
      <c r="J30" s="323">
        <v>8487</v>
      </c>
      <c r="K30" s="323">
        <v>59137200</v>
      </c>
      <c r="L30" s="325">
        <v>24645</v>
      </c>
      <c r="M30" s="325">
        <v>44620</v>
      </c>
      <c r="N30" s="321">
        <v>669340320</v>
      </c>
      <c r="O30" s="364">
        <v>24</v>
      </c>
      <c r="P30" s="362" t="s">
        <v>180</v>
      </c>
      <c r="Q30" s="324">
        <v>14506</v>
      </c>
      <c r="R30" s="323">
        <v>16988</v>
      </c>
      <c r="S30" s="323">
        <v>222843210</v>
      </c>
      <c r="T30" s="324">
        <v>493</v>
      </c>
      <c r="U30" s="323">
        <v>20945</v>
      </c>
      <c r="V30" s="323">
        <v>13969665</v>
      </c>
      <c r="W30" s="324">
        <v>61</v>
      </c>
      <c r="X30" s="323">
        <v>206</v>
      </c>
      <c r="Y30" s="323">
        <v>2498700</v>
      </c>
      <c r="Z30" s="325">
        <v>39212</v>
      </c>
      <c r="AA30" s="306">
        <v>908651895</v>
      </c>
      <c r="AB30" s="364">
        <v>24</v>
      </c>
      <c r="AC30" s="362" t="s">
        <v>180</v>
      </c>
      <c r="AD30" s="324">
        <v>0</v>
      </c>
      <c r="AE30" s="323">
        <v>13</v>
      </c>
      <c r="AF30" s="323">
        <v>168080</v>
      </c>
      <c r="AG30" s="323">
        <v>24</v>
      </c>
      <c r="AH30" s="323">
        <v>688508</v>
      </c>
      <c r="AI30" s="323">
        <v>341</v>
      </c>
      <c r="AJ30" s="323">
        <v>2189127</v>
      </c>
      <c r="AK30" s="323">
        <v>86</v>
      </c>
      <c r="AL30" s="323">
        <v>2635650</v>
      </c>
      <c r="AM30" s="323">
        <v>9</v>
      </c>
      <c r="AN30" s="323">
        <v>82760</v>
      </c>
      <c r="AO30" s="323">
        <v>0</v>
      </c>
      <c r="AP30" s="323">
        <v>0</v>
      </c>
      <c r="AQ30" s="325">
        <v>473</v>
      </c>
      <c r="AR30" s="325">
        <v>5764125</v>
      </c>
      <c r="AS30" s="338">
        <v>0</v>
      </c>
      <c r="AT30" s="337">
        <v>0</v>
      </c>
      <c r="AU30" s="364">
        <v>24</v>
      </c>
      <c r="AV30" s="361" t="s">
        <v>180</v>
      </c>
      <c r="AW30" s="324">
        <v>0</v>
      </c>
      <c r="AX30" s="323">
        <v>0</v>
      </c>
      <c r="AY30" s="336">
        <v>39685</v>
      </c>
      <c r="AZ30" s="335">
        <v>914416020</v>
      </c>
      <c r="BA30" s="334">
        <v>675264292</v>
      </c>
      <c r="BB30" s="324">
        <v>218163689</v>
      </c>
      <c r="BC30" s="323">
        <v>20988039</v>
      </c>
      <c r="BD30" s="324">
        <v>1981</v>
      </c>
      <c r="BE30" s="323">
        <v>96005950</v>
      </c>
      <c r="BF30" s="323">
        <v>4</v>
      </c>
      <c r="BG30" s="333">
        <v>114895</v>
      </c>
      <c r="BH30" s="364">
        <v>24</v>
      </c>
      <c r="BI30" s="360" t="s">
        <v>180</v>
      </c>
      <c r="BJ30" s="359">
        <v>2</v>
      </c>
      <c r="BK30" s="359">
        <v>820000</v>
      </c>
      <c r="BL30" s="359">
        <v>16</v>
      </c>
      <c r="BM30" s="359">
        <v>800000</v>
      </c>
      <c r="BN30" s="359">
        <v>0</v>
      </c>
      <c r="BO30" s="359">
        <v>0</v>
      </c>
      <c r="BP30" s="359">
        <v>0</v>
      </c>
      <c r="BQ30" s="359">
        <v>0</v>
      </c>
      <c r="BR30" s="359">
        <v>0</v>
      </c>
      <c r="BS30" s="359">
        <v>0</v>
      </c>
      <c r="BT30" s="359">
        <v>18</v>
      </c>
      <c r="BU30" s="358">
        <v>1620000</v>
      </c>
      <c r="BV30" s="307">
        <v>39703</v>
      </c>
      <c r="BW30" s="306">
        <v>916036020</v>
      </c>
      <c r="CA30" s="300" t="e">
        <v>#REF!</v>
      </c>
    </row>
    <row r="31" spans="1:79" s="294" customFormat="1" ht="12.9" customHeight="1" x14ac:dyDescent="0.15">
      <c r="A31" s="364">
        <v>25</v>
      </c>
      <c r="B31" s="361" t="s">
        <v>178</v>
      </c>
      <c r="C31" s="327">
        <v>589</v>
      </c>
      <c r="D31" s="327">
        <v>8536</v>
      </c>
      <c r="E31" s="327">
        <v>361671520</v>
      </c>
      <c r="F31" s="327">
        <v>28917</v>
      </c>
      <c r="G31" s="327">
        <v>41071</v>
      </c>
      <c r="H31" s="326">
        <v>409921741</v>
      </c>
      <c r="I31" s="324">
        <v>6406</v>
      </c>
      <c r="J31" s="323">
        <v>11748</v>
      </c>
      <c r="K31" s="323">
        <v>92556980</v>
      </c>
      <c r="L31" s="325">
        <v>35912</v>
      </c>
      <c r="M31" s="325">
        <v>61355</v>
      </c>
      <c r="N31" s="337">
        <v>864150241</v>
      </c>
      <c r="O31" s="364">
        <v>25</v>
      </c>
      <c r="P31" s="362" t="s">
        <v>178</v>
      </c>
      <c r="Q31" s="324">
        <v>21605</v>
      </c>
      <c r="R31" s="323">
        <v>24991</v>
      </c>
      <c r="S31" s="323">
        <v>230818710</v>
      </c>
      <c r="T31" s="324">
        <v>542</v>
      </c>
      <c r="U31" s="323">
        <v>21627</v>
      </c>
      <c r="V31" s="323">
        <v>14523729</v>
      </c>
      <c r="W31" s="324">
        <v>150</v>
      </c>
      <c r="X31" s="323">
        <v>1271</v>
      </c>
      <c r="Y31" s="323">
        <v>15239410</v>
      </c>
      <c r="Z31" s="325">
        <v>57667</v>
      </c>
      <c r="AA31" s="306">
        <v>1124732090</v>
      </c>
      <c r="AB31" s="364">
        <v>25</v>
      </c>
      <c r="AC31" s="362" t="s">
        <v>178</v>
      </c>
      <c r="AD31" s="324">
        <v>1</v>
      </c>
      <c r="AE31" s="323">
        <v>67</v>
      </c>
      <c r="AF31" s="323">
        <v>784415</v>
      </c>
      <c r="AG31" s="323">
        <v>42</v>
      </c>
      <c r="AH31" s="323">
        <v>1444774</v>
      </c>
      <c r="AI31" s="323">
        <v>786</v>
      </c>
      <c r="AJ31" s="323">
        <v>4788450</v>
      </c>
      <c r="AK31" s="323">
        <v>87</v>
      </c>
      <c r="AL31" s="323">
        <v>2498270</v>
      </c>
      <c r="AM31" s="323">
        <v>58</v>
      </c>
      <c r="AN31" s="323">
        <v>869860</v>
      </c>
      <c r="AO31" s="323">
        <v>0</v>
      </c>
      <c r="AP31" s="323">
        <v>0</v>
      </c>
      <c r="AQ31" s="325">
        <v>1040</v>
      </c>
      <c r="AR31" s="325">
        <v>10385769</v>
      </c>
      <c r="AS31" s="338">
        <v>0</v>
      </c>
      <c r="AT31" s="337">
        <v>0</v>
      </c>
      <c r="AU31" s="364">
        <v>25</v>
      </c>
      <c r="AV31" s="361" t="s">
        <v>178</v>
      </c>
      <c r="AW31" s="324">
        <v>0</v>
      </c>
      <c r="AX31" s="323">
        <v>0</v>
      </c>
      <c r="AY31" s="336">
        <v>58708</v>
      </c>
      <c r="AZ31" s="335">
        <v>1135117859</v>
      </c>
      <c r="BA31" s="334">
        <v>836658864</v>
      </c>
      <c r="BB31" s="324">
        <v>259079639</v>
      </c>
      <c r="BC31" s="323">
        <v>39379356</v>
      </c>
      <c r="BD31" s="324">
        <v>4685</v>
      </c>
      <c r="BE31" s="323">
        <v>110799733</v>
      </c>
      <c r="BF31" s="323">
        <v>1</v>
      </c>
      <c r="BG31" s="333">
        <v>13543</v>
      </c>
      <c r="BH31" s="364">
        <v>25</v>
      </c>
      <c r="BI31" s="360" t="s">
        <v>178</v>
      </c>
      <c r="BJ31" s="359">
        <v>8</v>
      </c>
      <c r="BK31" s="359">
        <v>3361680</v>
      </c>
      <c r="BL31" s="359">
        <v>25</v>
      </c>
      <c r="BM31" s="359">
        <v>1250000</v>
      </c>
      <c r="BN31" s="359">
        <v>0</v>
      </c>
      <c r="BO31" s="359">
        <v>0</v>
      </c>
      <c r="BP31" s="359">
        <v>0</v>
      </c>
      <c r="BQ31" s="359">
        <v>0</v>
      </c>
      <c r="BR31" s="359">
        <v>0</v>
      </c>
      <c r="BS31" s="359">
        <v>0</v>
      </c>
      <c r="BT31" s="359">
        <v>33</v>
      </c>
      <c r="BU31" s="358">
        <v>4611680</v>
      </c>
      <c r="BV31" s="307">
        <v>58741</v>
      </c>
      <c r="BW31" s="306">
        <v>1139729539</v>
      </c>
      <c r="CA31" s="300" t="e">
        <v>#REF!</v>
      </c>
    </row>
    <row r="32" spans="1:79" s="294" customFormat="1" ht="12.9" customHeight="1" x14ac:dyDescent="0.15">
      <c r="A32" s="364">
        <v>26</v>
      </c>
      <c r="B32" s="361" t="s">
        <v>176</v>
      </c>
      <c r="C32" s="327">
        <v>575</v>
      </c>
      <c r="D32" s="327">
        <v>8903</v>
      </c>
      <c r="E32" s="327">
        <v>339019670</v>
      </c>
      <c r="F32" s="327">
        <v>20543</v>
      </c>
      <c r="G32" s="327">
        <v>29338</v>
      </c>
      <c r="H32" s="326">
        <v>342364300</v>
      </c>
      <c r="I32" s="324">
        <v>5015</v>
      </c>
      <c r="J32" s="323">
        <v>9151</v>
      </c>
      <c r="K32" s="323">
        <v>70685890</v>
      </c>
      <c r="L32" s="325">
        <v>26133</v>
      </c>
      <c r="M32" s="325">
        <v>47392</v>
      </c>
      <c r="N32" s="321">
        <v>752069860</v>
      </c>
      <c r="O32" s="364">
        <v>26</v>
      </c>
      <c r="P32" s="362" t="s">
        <v>176</v>
      </c>
      <c r="Q32" s="324">
        <v>15079</v>
      </c>
      <c r="R32" s="323">
        <v>17842</v>
      </c>
      <c r="S32" s="323">
        <v>165460590</v>
      </c>
      <c r="T32" s="324">
        <v>538</v>
      </c>
      <c r="U32" s="323">
        <v>23826</v>
      </c>
      <c r="V32" s="323">
        <v>15701949</v>
      </c>
      <c r="W32" s="324">
        <v>88</v>
      </c>
      <c r="X32" s="323">
        <v>488</v>
      </c>
      <c r="Y32" s="323">
        <v>5287160</v>
      </c>
      <c r="Z32" s="325">
        <v>41300</v>
      </c>
      <c r="AA32" s="306">
        <v>938519559</v>
      </c>
      <c r="AB32" s="364">
        <v>26</v>
      </c>
      <c r="AC32" s="362" t="s">
        <v>176</v>
      </c>
      <c r="AD32" s="324">
        <v>6</v>
      </c>
      <c r="AE32" s="323">
        <v>70</v>
      </c>
      <c r="AF32" s="323">
        <v>1332720</v>
      </c>
      <c r="AG32" s="323">
        <v>17</v>
      </c>
      <c r="AH32" s="323">
        <v>494036</v>
      </c>
      <c r="AI32" s="323">
        <v>476</v>
      </c>
      <c r="AJ32" s="323">
        <v>2691698</v>
      </c>
      <c r="AK32" s="323">
        <v>36</v>
      </c>
      <c r="AL32" s="323">
        <v>1353160</v>
      </c>
      <c r="AM32" s="323">
        <v>44</v>
      </c>
      <c r="AN32" s="323">
        <v>727340</v>
      </c>
      <c r="AO32" s="323">
        <v>0</v>
      </c>
      <c r="AP32" s="323">
        <v>0</v>
      </c>
      <c r="AQ32" s="325">
        <v>643</v>
      </c>
      <c r="AR32" s="325">
        <v>6598954</v>
      </c>
      <c r="AS32" s="338">
        <v>0</v>
      </c>
      <c r="AT32" s="337">
        <v>0</v>
      </c>
      <c r="AU32" s="364">
        <v>26</v>
      </c>
      <c r="AV32" s="361" t="s">
        <v>176</v>
      </c>
      <c r="AW32" s="324">
        <v>0</v>
      </c>
      <c r="AX32" s="323">
        <v>0</v>
      </c>
      <c r="AY32" s="336">
        <v>41949</v>
      </c>
      <c r="AZ32" s="335">
        <v>945118513</v>
      </c>
      <c r="BA32" s="334">
        <v>692107369</v>
      </c>
      <c r="BB32" s="324">
        <v>231572173</v>
      </c>
      <c r="BC32" s="323">
        <v>21438971</v>
      </c>
      <c r="BD32" s="324">
        <v>1994</v>
      </c>
      <c r="BE32" s="323">
        <v>108455878</v>
      </c>
      <c r="BF32" s="323">
        <v>4</v>
      </c>
      <c r="BG32" s="333">
        <v>63991</v>
      </c>
      <c r="BH32" s="364">
        <v>26</v>
      </c>
      <c r="BI32" s="360" t="s">
        <v>176</v>
      </c>
      <c r="BJ32" s="359">
        <v>10</v>
      </c>
      <c r="BK32" s="359">
        <v>3780000</v>
      </c>
      <c r="BL32" s="359">
        <v>20</v>
      </c>
      <c r="BM32" s="359">
        <v>1000000</v>
      </c>
      <c r="BN32" s="359">
        <v>0</v>
      </c>
      <c r="BO32" s="359">
        <v>0</v>
      </c>
      <c r="BP32" s="359">
        <v>0</v>
      </c>
      <c r="BQ32" s="359">
        <v>0</v>
      </c>
      <c r="BR32" s="359">
        <v>0</v>
      </c>
      <c r="BS32" s="359">
        <v>0</v>
      </c>
      <c r="BT32" s="359">
        <v>30</v>
      </c>
      <c r="BU32" s="358">
        <v>4780000</v>
      </c>
      <c r="BV32" s="307">
        <v>41979</v>
      </c>
      <c r="BW32" s="306">
        <v>949898513</v>
      </c>
      <c r="CA32" s="300" t="e">
        <v>#REF!</v>
      </c>
    </row>
    <row r="33" spans="1:79" s="294" customFormat="1" ht="12.9" customHeight="1" x14ac:dyDescent="0.15">
      <c r="A33" s="332">
        <v>27</v>
      </c>
      <c r="B33" s="361" t="s">
        <v>173</v>
      </c>
      <c r="C33" s="327">
        <v>790</v>
      </c>
      <c r="D33" s="327">
        <v>14328</v>
      </c>
      <c r="E33" s="327">
        <v>439903150</v>
      </c>
      <c r="F33" s="327">
        <v>22727</v>
      </c>
      <c r="G33" s="327">
        <v>33197</v>
      </c>
      <c r="H33" s="326">
        <v>376979900</v>
      </c>
      <c r="I33" s="324">
        <v>5237</v>
      </c>
      <c r="J33" s="323">
        <v>9887</v>
      </c>
      <c r="K33" s="323">
        <v>70575530</v>
      </c>
      <c r="L33" s="325">
        <v>28754</v>
      </c>
      <c r="M33" s="325">
        <v>57412</v>
      </c>
      <c r="N33" s="337">
        <v>887458580</v>
      </c>
      <c r="O33" s="332">
        <v>27</v>
      </c>
      <c r="P33" s="362" t="s">
        <v>173</v>
      </c>
      <c r="Q33" s="324">
        <v>17862</v>
      </c>
      <c r="R33" s="323">
        <v>21266</v>
      </c>
      <c r="S33" s="323">
        <v>208085160</v>
      </c>
      <c r="T33" s="324">
        <v>747</v>
      </c>
      <c r="U33" s="323">
        <v>39991</v>
      </c>
      <c r="V33" s="323">
        <v>26587352</v>
      </c>
      <c r="W33" s="324">
        <v>92</v>
      </c>
      <c r="X33" s="323">
        <v>601</v>
      </c>
      <c r="Y33" s="323">
        <v>6658120</v>
      </c>
      <c r="Z33" s="325">
        <v>46708</v>
      </c>
      <c r="AA33" s="306">
        <v>1128789212</v>
      </c>
      <c r="AB33" s="364">
        <v>27</v>
      </c>
      <c r="AC33" s="362" t="s">
        <v>173</v>
      </c>
      <c r="AD33" s="324">
        <v>8</v>
      </c>
      <c r="AE33" s="323">
        <v>109</v>
      </c>
      <c r="AF33" s="323">
        <v>1479318</v>
      </c>
      <c r="AG33" s="323">
        <v>22</v>
      </c>
      <c r="AH33" s="323">
        <v>753050</v>
      </c>
      <c r="AI33" s="323">
        <v>408</v>
      </c>
      <c r="AJ33" s="323">
        <v>3312057</v>
      </c>
      <c r="AK33" s="323">
        <v>102</v>
      </c>
      <c r="AL33" s="323">
        <v>2652160</v>
      </c>
      <c r="AM33" s="323">
        <v>78</v>
      </c>
      <c r="AN33" s="323">
        <v>1021860</v>
      </c>
      <c r="AO33" s="323">
        <v>0</v>
      </c>
      <c r="AP33" s="323">
        <v>0</v>
      </c>
      <c r="AQ33" s="325">
        <v>719</v>
      </c>
      <c r="AR33" s="325">
        <v>9218445</v>
      </c>
      <c r="AS33" s="338">
        <v>0</v>
      </c>
      <c r="AT33" s="337">
        <v>0</v>
      </c>
      <c r="AU33" s="332">
        <v>27</v>
      </c>
      <c r="AV33" s="361" t="s">
        <v>173</v>
      </c>
      <c r="AW33" s="324">
        <v>0</v>
      </c>
      <c r="AX33" s="323">
        <v>0</v>
      </c>
      <c r="AY33" s="336">
        <v>47435</v>
      </c>
      <c r="AZ33" s="335">
        <v>1138007657</v>
      </c>
      <c r="BA33" s="334">
        <v>834186715</v>
      </c>
      <c r="BB33" s="324">
        <v>274694804</v>
      </c>
      <c r="BC33" s="323">
        <v>29126138</v>
      </c>
      <c r="BD33" s="324">
        <v>2366</v>
      </c>
      <c r="BE33" s="323">
        <v>131001629</v>
      </c>
      <c r="BF33" s="323">
        <v>6</v>
      </c>
      <c r="BG33" s="333">
        <v>154958</v>
      </c>
      <c r="BH33" s="332">
        <v>27</v>
      </c>
      <c r="BI33" s="360" t="s">
        <v>173</v>
      </c>
      <c r="BJ33" s="359">
        <v>3</v>
      </c>
      <c r="BK33" s="359">
        <v>1260000</v>
      </c>
      <c r="BL33" s="359">
        <v>26</v>
      </c>
      <c r="BM33" s="359">
        <v>1300000</v>
      </c>
      <c r="BN33" s="359">
        <v>0</v>
      </c>
      <c r="BO33" s="359">
        <v>0</v>
      </c>
      <c r="BP33" s="359">
        <v>0</v>
      </c>
      <c r="BQ33" s="359">
        <v>0</v>
      </c>
      <c r="BR33" s="359">
        <v>0</v>
      </c>
      <c r="BS33" s="359">
        <v>0</v>
      </c>
      <c r="BT33" s="359">
        <v>29</v>
      </c>
      <c r="BU33" s="358">
        <v>2560000</v>
      </c>
      <c r="BV33" s="307">
        <v>47464</v>
      </c>
      <c r="BW33" s="306">
        <v>1140567657</v>
      </c>
      <c r="CA33" s="300" t="e">
        <v>#REF!</v>
      </c>
    </row>
    <row r="34" spans="1:79" s="294" customFormat="1" ht="12.9" customHeight="1" x14ac:dyDescent="0.15">
      <c r="A34" s="332">
        <v>28</v>
      </c>
      <c r="B34" s="361" t="s">
        <v>171</v>
      </c>
      <c r="C34" s="327">
        <v>707</v>
      </c>
      <c r="D34" s="327">
        <v>10819</v>
      </c>
      <c r="E34" s="327">
        <v>386521580</v>
      </c>
      <c r="F34" s="327">
        <v>27024</v>
      </c>
      <c r="G34" s="327">
        <v>38888</v>
      </c>
      <c r="H34" s="326">
        <v>443093410</v>
      </c>
      <c r="I34" s="324">
        <v>5885</v>
      </c>
      <c r="J34" s="323">
        <v>11143</v>
      </c>
      <c r="K34" s="323">
        <v>92617630</v>
      </c>
      <c r="L34" s="325">
        <v>33616</v>
      </c>
      <c r="M34" s="325">
        <v>60850</v>
      </c>
      <c r="N34" s="321">
        <v>922232620</v>
      </c>
      <c r="O34" s="332">
        <v>28</v>
      </c>
      <c r="P34" s="362" t="s">
        <v>171</v>
      </c>
      <c r="Q34" s="324">
        <v>20421</v>
      </c>
      <c r="R34" s="323">
        <v>24038</v>
      </c>
      <c r="S34" s="323">
        <v>251617450</v>
      </c>
      <c r="T34" s="324">
        <v>655</v>
      </c>
      <c r="U34" s="323">
        <v>29424</v>
      </c>
      <c r="V34" s="323">
        <v>19394879</v>
      </c>
      <c r="W34" s="324">
        <v>188</v>
      </c>
      <c r="X34" s="323">
        <v>1265</v>
      </c>
      <c r="Y34" s="323">
        <v>13395830</v>
      </c>
      <c r="Z34" s="325">
        <v>54225</v>
      </c>
      <c r="AA34" s="306">
        <v>1206640779</v>
      </c>
      <c r="AB34" s="364">
        <v>28</v>
      </c>
      <c r="AC34" s="362" t="s">
        <v>171</v>
      </c>
      <c r="AD34" s="324">
        <v>3</v>
      </c>
      <c r="AE34" s="323">
        <v>26</v>
      </c>
      <c r="AF34" s="323">
        <v>160020</v>
      </c>
      <c r="AG34" s="323">
        <v>30</v>
      </c>
      <c r="AH34" s="323">
        <v>1192621</v>
      </c>
      <c r="AI34" s="323">
        <v>600</v>
      </c>
      <c r="AJ34" s="323">
        <v>3985799</v>
      </c>
      <c r="AK34" s="323">
        <v>102</v>
      </c>
      <c r="AL34" s="323">
        <v>3611280</v>
      </c>
      <c r="AM34" s="323">
        <v>27</v>
      </c>
      <c r="AN34" s="323">
        <v>257250</v>
      </c>
      <c r="AO34" s="323">
        <v>0</v>
      </c>
      <c r="AP34" s="323">
        <v>0</v>
      </c>
      <c r="AQ34" s="325">
        <v>785</v>
      </c>
      <c r="AR34" s="325">
        <v>9206970</v>
      </c>
      <c r="AS34" s="338">
        <v>0</v>
      </c>
      <c r="AT34" s="337">
        <v>0</v>
      </c>
      <c r="AU34" s="332">
        <v>28</v>
      </c>
      <c r="AV34" s="361" t="s">
        <v>171</v>
      </c>
      <c r="AW34" s="324">
        <v>0</v>
      </c>
      <c r="AX34" s="323">
        <v>0</v>
      </c>
      <c r="AY34" s="336">
        <v>55013</v>
      </c>
      <c r="AZ34" s="335">
        <v>1215847749</v>
      </c>
      <c r="BA34" s="334">
        <v>893902065</v>
      </c>
      <c r="BB34" s="324">
        <v>282457691</v>
      </c>
      <c r="BC34" s="323">
        <v>39487993</v>
      </c>
      <c r="BD34" s="324">
        <v>2057</v>
      </c>
      <c r="BE34" s="323">
        <v>128162651</v>
      </c>
      <c r="BF34" s="323">
        <v>6</v>
      </c>
      <c r="BG34" s="333">
        <v>116771</v>
      </c>
      <c r="BH34" s="332">
        <v>28</v>
      </c>
      <c r="BI34" s="360" t="s">
        <v>171</v>
      </c>
      <c r="BJ34" s="359">
        <v>8</v>
      </c>
      <c r="BK34" s="359">
        <v>3326710</v>
      </c>
      <c r="BL34" s="359">
        <v>36</v>
      </c>
      <c r="BM34" s="359">
        <v>1800000</v>
      </c>
      <c r="BN34" s="359">
        <v>0</v>
      </c>
      <c r="BO34" s="359">
        <v>0</v>
      </c>
      <c r="BP34" s="359">
        <v>0</v>
      </c>
      <c r="BQ34" s="359">
        <v>0</v>
      </c>
      <c r="BR34" s="359">
        <v>0</v>
      </c>
      <c r="BS34" s="359">
        <v>0</v>
      </c>
      <c r="BT34" s="359">
        <v>44</v>
      </c>
      <c r="BU34" s="358">
        <v>5126710</v>
      </c>
      <c r="BV34" s="307">
        <v>55057</v>
      </c>
      <c r="BW34" s="306">
        <v>1220974459</v>
      </c>
      <c r="CA34" s="300" t="e">
        <v>#REF!</v>
      </c>
    </row>
    <row r="35" spans="1:79" s="294" customFormat="1" ht="12.9" customHeight="1" x14ac:dyDescent="0.15">
      <c r="A35" s="332">
        <v>29</v>
      </c>
      <c r="B35" s="361" t="s">
        <v>169</v>
      </c>
      <c r="C35" s="327">
        <v>664</v>
      </c>
      <c r="D35" s="327">
        <v>10927</v>
      </c>
      <c r="E35" s="327">
        <v>408281950</v>
      </c>
      <c r="F35" s="327">
        <v>20622</v>
      </c>
      <c r="G35" s="327">
        <v>31047</v>
      </c>
      <c r="H35" s="326">
        <v>339017106</v>
      </c>
      <c r="I35" s="324">
        <v>4473</v>
      </c>
      <c r="J35" s="323">
        <v>8150</v>
      </c>
      <c r="K35" s="323">
        <v>62700440</v>
      </c>
      <c r="L35" s="325">
        <v>25759</v>
      </c>
      <c r="M35" s="325">
        <v>50124</v>
      </c>
      <c r="N35" s="337">
        <v>809999496</v>
      </c>
      <c r="O35" s="332">
        <v>29</v>
      </c>
      <c r="P35" s="362" t="s">
        <v>169</v>
      </c>
      <c r="Q35" s="324">
        <v>13868</v>
      </c>
      <c r="R35" s="323">
        <v>17556</v>
      </c>
      <c r="S35" s="323">
        <v>185095280</v>
      </c>
      <c r="T35" s="324">
        <v>617</v>
      </c>
      <c r="U35" s="323">
        <v>28956</v>
      </c>
      <c r="V35" s="323">
        <v>18967355</v>
      </c>
      <c r="W35" s="324">
        <v>66</v>
      </c>
      <c r="X35" s="323">
        <v>298</v>
      </c>
      <c r="Y35" s="323">
        <v>3772270</v>
      </c>
      <c r="Z35" s="325">
        <v>39693</v>
      </c>
      <c r="AA35" s="306">
        <v>1017834401</v>
      </c>
      <c r="AB35" s="332">
        <v>29</v>
      </c>
      <c r="AC35" s="362" t="s">
        <v>169</v>
      </c>
      <c r="AD35" s="324">
        <v>1</v>
      </c>
      <c r="AE35" s="323">
        <v>54</v>
      </c>
      <c r="AF35" s="323">
        <v>1935570</v>
      </c>
      <c r="AG35" s="323">
        <v>21</v>
      </c>
      <c r="AH35" s="323">
        <v>686013</v>
      </c>
      <c r="AI35" s="323">
        <v>440</v>
      </c>
      <c r="AJ35" s="323">
        <v>2798485</v>
      </c>
      <c r="AK35" s="323">
        <v>58</v>
      </c>
      <c r="AL35" s="323">
        <v>1747650</v>
      </c>
      <c r="AM35" s="323">
        <v>16</v>
      </c>
      <c r="AN35" s="323">
        <v>226770</v>
      </c>
      <c r="AO35" s="323">
        <v>0</v>
      </c>
      <c r="AP35" s="323">
        <v>0</v>
      </c>
      <c r="AQ35" s="325">
        <v>589</v>
      </c>
      <c r="AR35" s="325">
        <v>7394488</v>
      </c>
      <c r="AS35" s="338">
        <v>0</v>
      </c>
      <c r="AT35" s="337">
        <v>0</v>
      </c>
      <c r="AU35" s="332">
        <v>29</v>
      </c>
      <c r="AV35" s="361" t="s">
        <v>169</v>
      </c>
      <c r="AW35" s="324">
        <v>1</v>
      </c>
      <c r="AX35" s="323">
        <v>70509</v>
      </c>
      <c r="AY35" s="336">
        <v>40284</v>
      </c>
      <c r="AZ35" s="335">
        <v>1025299398</v>
      </c>
      <c r="BA35" s="334">
        <v>755279156</v>
      </c>
      <c r="BB35" s="324">
        <v>244490605</v>
      </c>
      <c r="BC35" s="323">
        <v>25529637</v>
      </c>
      <c r="BD35" s="324">
        <v>1875</v>
      </c>
      <c r="BE35" s="323">
        <v>115418517</v>
      </c>
      <c r="BF35" s="323">
        <v>4</v>
      </c>
      <c r="BG35" s="333">
        <v>31029</v>
      </c>
      <c r="BH35" s="332">
        <v>29</v>
      </c>
      <c r="BI35" s="360" t="s">
        <v>169</v>
      </c>
      <c r="BJ35" s="359">
        <v>5</v>
      </c>
      <c r="BK35" s="359">
        <v>2100000</v>
      </c>
      <c r="BL35" s="359">
        <v>16</v>
      </c>
      <c r="BM35" s="359">
        <v>800000</v>
      </c>
      <c r="BN35" s="359">
        <v>0</v>
      </c>
      <c r="BO35" s="359">
        <v>0</v>
      </c>
      <c r="BP35" s="359">
        <v>0</v>
      </c>
      <c r="BQ35" s="359">
        <v>0</v>
      </c>
      <c r="BR35" s="359">
        <v>0</v>
      </c>
      <c r="BS35" s="359">
        <v>0</v>
      </c>
      <c r="BT35" s="359">
        <v>21</v>
      </c>
      <c r="BU35" s="358">
        <v>2900000</v>
      </c>
      <c r="BV35" s="307">
        <v>40305</v>
      </c>
      <c r="BW35" s="306">
        <v>1028199398</v>
      </c>
      <c r="CA35" s="300" t="e">
        <v>#REF!</v>
      </c>
    </row>
    <row r="36" spans="1:79" s="294" customFormat="1" ht="12.9" customHeight="1" x14ac:dyDescent="0.15">
      <c r="A36" s="332">
        <v>30</v>
      </c>
      <c r="B36" s="361" t="s">
        <v>167</v>
      </c>
      <c r="C36" s="327">
        <v>555</v>
      </c>
      <c r="D36" s="327">
        <v>8174</v>
      </c>
      <c r="E36" s="327">
        <v>327641190</v>
      </c>
      <c r="F36" s="327">
        <v>16762</v>
      </c>
      <c r="G36" s="327">
        <v>23155</v>
      </c>
      <c r="H36" s="326">
        <v>301682310</v>
      </c>
      <c r="I36" s="324">
        <v>3225</v>
      </c>
      <c r="J36" s="323">
        <v>5855</v>
      </c>
      <c r="K36" s="323">
        <v>44559950</v>
      </c>
      <c r="L36" s="325">
        <v>20542</v>
      </c>
      <c r="M36" s="325">
        <v>37184</v>
      </c>
      <c r="N36" s="321">
        <v>673883450</v>
      </c>
      <c r="O36" s="332">
        <v>30</v>
      </c>
      <c r="P36" s="362" t="s">
        <v>167</v>
      </c>
      <c r="Q36" s="324">
        <v>11083</v>
      </c>
      <c r="R36" s="323">
        <v>12473</v>
      </c>
      <c r="S36" s="323">
        <v>129229480</v>
      </c>
      <c r="T36" s="324">
        <v>520</v>
      </c>
      <c r="U36" s="323">
        <v>21399</v>
      </c>
      <c r="V36" s="323">
        <v>14370335</v>
      </c>
      <c r="W36" s="324">
        <v>73</v>
      </c>
      <c r="X36" s="323">
        <v>623</v>
      </c>
      <c r="Y36" s="323">
        <v>9282050</v>
      </c>
      <c r="Z36" s="325">
        <v>31698</v>
      </c>
      <c r="AA36" s="306">
        <v>826765315</v>
      </c>
      <c r="AB36" s="332">
        <v>30</v>
      </c>
      <c r="AC36" s="362" t="s">
        <v>167</v>
      </c>
      <c r="AD36" s="324">
        <v>0</v>
      </c>
      <c r="AE36" s="323">
        <v>4</v>
      </c>
      <c r="AF36" s="323">
        <v>51350</v>
      </c>
      <c r="AG36" s="323">
        <v>13</v>
      </c>
      <c r="AH36" s="323">
        <v>322736</v>
      </c>
      <c r="AI36" s="323">
        <v>456</v>
      </c>
      <c r="AJ36" s="323">
        <v>3676318</v>
      </c>
      <c r="AK36" s="323">
        <v>55</v>
      </c>
      <c r="AL36" s="323">
        <v>1199700</v>
      </c>
      <c r="AM36" s="323">
        <v>14</v>
      </c>
      <c r="AN36" s="323">
        <v>208890</v>
      </c>
      <c r="AO36" s="323">
        <v>0</v>
      </c>
      <c r="AP36" s="323">
        <v>0</v>
      </c>
      <c r="AQ36" s="325">
        <v>542</v>
      </c>
      <c r="AR36" s="325">
        <v>5458994</v>
      </c>
      <c r="AS36" s="338">
        <v>0</v>
      </c>
      <c r="AT36" s="337">
        <v>0</v>
      </c>
      <c r="AU36" s="332">
        <v>30</v>
      </c>
      <c r="AV36" s="361" t="s">
        <v>167</v>
      </c>
      <c r="AW36" s="324">
        <v>0</v>
      </c>
      <c r="AX36" s="323">
        <v>0</v>
      </c>
      <c r="AY36" s="336">
        <v>32240</v>
      </c>
      <c r="AZ36" s="335">
        <v>832224309</v>
      </c>
      <c r="BA36" s="334">
        <v>615746549</v>
      </c>
      <c r="BB36" s="324">
        <v>198658660</v>
      </c>
      <c r="BC36" s="323">
        <v>17819100</v>
      </c>
      <c r="BD36" s="324">
        <v>1770</v>
      </c>
      <c r="BE36" s="323">
        <v>98570182</v>
      </c>
      <c r="BF36" s="323">
        <v>6</v>
      </c>
      <c r="BG36" s="333">
        <v>82837</v>
      </c>
      <c r="BH36" s="332">
        <v>30</v>
      </c>
      <c r="BI36" s="360" t="s">
        <v>167</v>
      </c>
      <c r="BJ36" s="359">
        <v>3</v>
      </c>
      <c r="BK36" s="359">
        <v>1260000</v>
      </c>
      <c r="BL36" s="359">
        <v>11</v>
      </c>
      <c r="BM36" s="359">
        <v>550000</v>
      </c>
      <c r="BN36" s="359">
        <v>0</v>
      </c>
      <c r="BO36" s="359">
        <v>0</v>
      </c>
      <c r="BP36" s="359">
        <v>0</v>
      </c>
      <c r="BQ36" s="359">
        <v>0</v>
      </c>
      <c r="BR36" s="359">
        <v>0</v>
      </c>
      <c r="BS36" s="359">
        <v>0</v>
      </c>
      <c r="BT36" s="359">
        <v>14</v>
      </c>
      <c r="BU36" s="358">
        <v>1810000</v>
      </c>
      <c r="BV36" s="307">
        <v>32254</v>
      </c>
      <c r="BW36" s="306">
        <v>834034309</v>
      </c>
      <c r="CA36" s="300" t="e">
        <v>#REF!</v>
      </c>
    </row>
    <row r="37" spans="1:79" s="294" customFormat="1" ht="12.9" customHeight="1" x14ac:dyDescent="0.15">
      <c r="A37" s="332">
        <v>31</v>
      </c>
      <c r="B37" s="361" t="s">
        <v>165</v>
      </c>
      <c r="C37" s="327">
        <v>1526</v>
      </c>
      <c r="D37" s="327">
        <v>21360</v>
      </c>
      <c r="E37" s="327">
        <v>851089790</v>
      </c>
      <c r="F37" s="327">
        <v>51689</v>
      </c>
      <c r="G37" s="327">
        <v>70811</v>
      </c>
      <c r="H37" s="326">
        <v>869862797</v>
      </c>
      <c r="I37" s="324">
        <v>10297</v>
      </c>
      <c r="J37" s="323">
        <v>18281</v>
      </c>
      <c r="K37" s="323">
        <v>150341720</v>
      </c>
      <c r="L37" s="325">
        <v>63512</v>
      </c>
      <c r="M37" s="325">
        <v>110452</v>
      </c>
      <c r="N37" s="337">
        <v>1871294307</v>
      </c>
      <c r="O37" s="332">
        <v>31</v>
      </c>
      <c r="P37" s="362" t="s">
        <v>165</v>
      </c>
      <c r="Q37" s="324">
        <v>36503</v>
      </c>
      <c r="R37" s="323">
        <v>40746</v>
      </c>
      <c r="S37" s="323">
        <v>411549411</v>
      </c>
      <c r="T37" s="324">
        <v>1389</v>
      </c>
      <c r="U37" s="323">
        <v>55656</v>
      </c>
      <c r="V37" s="323">
        <v>37088409</v>
      </c>
      <c r="W37" s="324">
        <v>232</v>
      </c>
      <c r="X37" s="323">
        <v>1700</v>
      </c>
      <c r="Y37" s="323">
        <v>19008850</v>
      </c>
      <c r="Z37" s="325">
        <v>100247</v>
      </c>
      <c r="AA37" s="306">
        <v>2338940977</v>
      </c>
      <c r="AB37" s="332">
        <v>31</v>
      </c>
      <c r="AC37" s="362" t="s">
        <v>165</v>
      </c>
      <c r="AD37" s="324">
        <v>12</v>
      </c>
      <c r="AE37" s="323">
        <v>57</v>
      </c>
      <c r="AF37" s="323">
        <v>1322378</v>
      </c>
      <c r="AG37" s="323">
        <v>73</v>
      </c>
      <c r="AH37" s="323">
        <v>2310219</v>
      </c>
      <c r="AI37" s="323">
        <v>2023</v>
      </c>
      <c r="AJ37" s="323">
        <v>14713600</v>
      </c>
      <c r="AK37" s="323">
        <v>171</v>
      </c>
      <c r="AL37" s="323">
        <v>7346420</v>
      </c>
      <c r="AM37" s="323">
        <v>145</v>
      </c>
      <c r="AN37" s="323">
        <v>2215900</v>
      </c>
      <c r="AO37" s="323">
        <v>0</v>
      </c>
      <c r="AP37" s="323">
        <v>0</v>
      </c>
      <c r="AQ37" s="325">
        <v>2469</v>
      </c>
      <c r="AR37" s="325">
        <v>27908517</v>
      </c>
      <c r="AS37" s="338">
        <v>0</v>
      </c>
      <c r="AT37" s="337">
        <v>0</v>
      </c>
      <c r="AU37" s="332">
        <v>31</v>
      </c>
      <c r="AV37" s="361" t="s">
        <v>165</v>
      </c>
      <c r="AW37" s="324">
        <v>1</v>
      </c>
      <c r="AX37" s="323">
        <v>62680</v>
      </c>
      <c r="AY37" s="336">
        <v>102729</v>
      </c>
      <c r="AZ37" s="335">
        <v>2366912174</v>
      </c>
      <c r="BA37" s="334">
        <v>1741899799</v>
      </c>
      <c r="BB37" s="324">
        <v>581858340</v>
      </c>
      <c r="BC37" s="323">
        <v>43154035</v>
      </c>
      <c r="BD37" s="324">
        <v>4719</v>
      </c>
      <c r="BE37" s="323">
        <v>253095510</v>
      </c>
      <c r="BF37" s="323">
        <v>3</v>
      </c>
      <c r="BG37" s="333">
        <v>57550</v>
      </c>
      <c r="BH37" s="332">
        <v>31</v>
      </c>
      <c r="BI37" s="360" t="s">
        <v>165</v>
      </c>
      <c r="BJ37" s="359">
        <v>7</v>
      </c>
      <c r="BK37" s="359">
        <v>2940000</v>
      </c>
      <c r="BL37" s="359">
        <v>40</v>
      </c>
      <c r="BM37" s="359">
        <v>2000000</v>
      </c>
      <c r="BN37" s="359">
        <v>1</v>
      </c>
      <c r="BO37" s="359">
        <v>44922</v>
      </c>
      <c r="BP37" s="359">
        <v>0</v>
      </c>
      <c r="BQ37" s="359">
        <v>0</v>
      </c>
      <c r="BR37" s="359">
        <v>0</v>
      </c>
      <c r="BS37" s="359">
        <v>0</v>
      </c>
      <c r="BT37" s="359">
        <v>48</v>
      </c>
      <c r="BU37" s="358">
        <v>4984922</v>
      </c>
      <c r="BV37" s="307">
        <v>102777</v>
      </c>
      <c r="BW37" s="306">
        <v>2371897096</v>
      </c>
      <c r="CA37" s="300" t="e">
        <v>#REF!</v>
      </c>
    </row>
    <row r="38" spans="1:79" s="294" customFormat="1" ht="12.9" customHeight="1" x14ac:dyDescent="0.15">
      <c r="A38" s="332">
        <v>32</v>
      </c>
      <c r="B38" s="361" t="s">
        <v>162</v>
      </c>
      <c r="C38" s="327">
        <v>2320</v>
      </c>
      <c r="D38" s="327">
        <v>36363</v>
      </c>
      <c r="E38" s="327">
        <v>1380521882</v>
      </c>
      <c r="F38" s="327">
        <v>77125</v>
      </c>
      <c r="G38" s="327">
        <v>113373</v>
      </c>
      <c r="H38" s="326">
        <v>1266010389</v>
      </c>
      <c r="I38" s="324">
        <v>14584</v>
      </c>
      <c r="J38" s="323">
        <v>27325</v>
      </c>
      <c r="K38" s="323">
        <v>207008330</v>
      </c>
      <c r="L38" s="325">
        <v>94029</v>
      </c>
      <c r="M38" s="325">
        <v>177061</v>
      </c>
      <c r="N38" s="363">
        <v>2853540601</v>
      </c>
      <c r="O38" s="332">
        <v>32</v>
      </c>
      <c r="P38" s="362" t="s">
        <v>162</v>
      </c>
      <c r="Q38" s="324">
        <v>60678</v>
      </c>
      <c r="R38" s="323">
        <v>70799</v>
      </c>
      <c r="S38" s="323">
        <v>808179288</v>
      </c>
      <c r="T38" s="324">
        <v>2101</v>
      </c>
      <c r="U38" s="323">
        <v>93568</v>
      </c>
      <c r="V38" s="323">
        <v>61883754</v>
      </c>
      <c r="W38" s="324">
        <v>423</v>
      </c>
      <c r="X38" s="323">
        <v>2328</v>
      </c>
      <c r="Y38" s="323">
        <v>24155780</v>
      </c>
      <c r="Z38" s="325">
        <v>155130</v>
      </c>
      <c r="AA38" s="306">
        <v>3747759423</v>
      </c>
      <c r="AB38" s="332">
        <v>32</v>
      </c>
      <c r="AC38" s="362" t="s">
        <v>162</v>
      </c>
      <c r="AD38" s="324">
        <v>0</v>
      </c>
      <c r="AE38" s="323">
        <v>149</v>
      </c>
      <c r="AF38" s="323">
        <v>3201392</v>
      </c>
      <c r="AG38" s="323">
        <v>73</v>
      </c>
      <c r="AH38" s="323">
        <v>2427146</v>
      </c>
      <c r="AI38" s="323">
        <v>2502</v>
      </c>
      <c r="AJ38" s="323">
        <v>14746833</v>
      </c>
      <c r="AK38" s="323">
        <v>457</v>
      </c>
      <c r="AL38" s="323">
        <v>16500610</v>
      </c>
      <c r="AM38" s="323">
        <v>201</v>
      </c>
      <c r="AN38" s="323">
        <v>4446320</v>
      </c>
      <c r="AO38" s="323">
        <v>0</v>
      </c>
      <c r="AP38" s="323">
        <v>0</v>
      </c>
      <c r="AQ38" s="325">
        <v>3382</v>
      </c>
      <c r="AR38" s="325">
        <v>41322301</v>
      </c>
      <c r="AS38" s="338">
        <v>3</v>
      </c>
      <c r="AT38" s="337">
        <v>59350</v>
      </c>
      <c r="AU38" s="332">
        <v>32</v>
      </c>
      <c r="AV38" s="361" t="s">
        <v>162</v>
      </c>
      <c r="AW38" s="324">
        <v>0</v>
      </c>
      <c r="AX38" s="323">
        <v>0</v>
      </c>
      <c r="AY38" s="336">
        <v>158512</v>
      </c>
      <c r="AZ38" s="335">
        <v>3789081724</v>
      </c>
      <c r="BA38" s="334">
        <v>2779656714</v>
      </c>
      <c r="BB38" s="324">
        <v>884183813</v>
      </c>
      <c r="BC38" s="323">
        <v>125241197</v>
      </c>
      <c r="BD38" s="324">
        <v>7498</v>
      </c>
      <c r="BE38" s="323">
        <v>435820659</v>
      </c>
      <c r="BF38" s="323">
        <v>20</v>
      </c>
      <c r="BG38" s="333">
        <v>584568</v>
      </c>
      <c r="BH38" s="332">
        <v>32</v>
      </c>
      <c r="BI38" s="360" t="s">
        <v>162</v>
      </c>
      <c r="BJ38" s="359">
        <v>34</v>
      </c>
      <c r="BK38" s="359">
        <v>13145250</v>
      </c>
      <c r="BL38" s="359">
        <v>88</v>
      </c>
      <c r="BM38" s="359">
        <v>4400000</v>
      </c>
      <c r="BN38" s="359">
        <v>5</v>
      </c>
      <c r="BO38" s="359">
        <v>207193</v>
      </c>
      <c r="BP38" s="359">
        <v>0</v>
      </c>
      <c r="BQ38" s="359">
        <v>0</v>
      </c>
      <c r="BR38" s="359">
        <v>0</v>
      </c>
      <c r="BS38" s="359">
        <v>0</v>
      </c>
      <c r="BT38" s="359">
        <v>127</v>
      </c>
      <c r="BU38" s="358">
        <v>17752443</v>
      </c>
      <c r="BV38" s="307">
        <v>158639</v>
      </c>
      <c r="BW38" s="306">
        <v>3806834167</v>
      </c>
      <c r="CA38" s="300" t="e">
        <v>#REF!</v>
      </c>
    </row>
    <row r="39" spans="1:79" s="294" customFormat="1" ht="12.9" customHeight="1" thickBot="1" x14ac:dyDescent="0.2">
      <c r="A39" s="312">
        <v>33</v>
      </c>
      <c r="B39" s="353" t="s">
        <v>159</v>
      </c>
      <c r="C39" s="357">
        <v>217</v>
      </c>
      <c r="D39" s="357">
        <v>3889</v>
      </c>
      <c r="E39" s="357">
        <v>124900750</v>
      </c>
      <c r="F39" s="357">
        <v>5884</v>
      </c>
      <c r="G39" s="357">
        <v>8439</v>
      </c>
      <c r="H39" s="356">
        <v>92612860</v>
      </c>
      <c r="I39" s="350">
        <v>1459</v>
      </c>
      <c r="J39" s="349">
        <v>2568</v>
      </c>
      <c r="K39" s="349">
        <v>20046280</v>
      </c>
      <c r="L39" s="325">
        <v>7560</v>
      </c>
      <c r="M39" s="325">
        <v>14896</v>
      </c>
      <c r="N39" s="306">
        <v>237559890</v>
      </c>
      <c r="O39" s="312">
        <v>33</v>
      </c>
      <c r="P39" s="355" t="s">
        <v>159</v>
      </c>
      <c r="Q39" s="350">
        <v>3424</v>
      </c>
      <c r="R39" s="349">
        <v>3927</v>
      </c>
      <c r="S39" s="349">
        <v>51779390</v>
      </c>
      <c r="T39" s="350">
        <v>205</v>
      </c>
      <c r="U39" s="349">
        <v>10910</v>
      </c>
      <c r="V39" s="349">
        <v>7165823</v>
      </c>
      <c r="W39" s="350">
        <v>45</v>
      </c>
      <c r="X39" s="349">
        <v>370</v>
      </c>
      <c r="Y39" s="349">
        <v>3664710</v>
      </c>
      <c r="Z39" s="322">
        <v>11029</v>
      </c>
      <c r="AA39" s="343">
        <v>300169813</v>
      </c>
      <c r="AB39" s="312">
        <v>33</v>
      </c>
      <c r="AC39" s="355" t="s">
        <v>159</v>
      </c>
      <c r="AD39" s="350">
        <v>0</v>
      </c>
      <c r="AE39" s="349">
        <v>5</v>
      </c>
      <c r="AF39" s="349">
        <v>104250</v>
      </c>
      <c r="AG39" s="349">
        <v>8</v>
      </c>
      <c r="AH39" s="349">
        <v>199810</v>
      </c>
      <c r="AI39" s="349">
        <v>81</v>
      </c>
      <c r="AJ39" s="349">
        <v>427370</v>
      </c>
      <c r="AK39" s="349">
        <v>7</v>
      </c>
      <c r="AL39" s="349">
        <v>98070</v>
      </c>
      <c r="AM39" s="349">
        <v>6</v>
      </c>
      <c r="AN39" s="349">
        <v>21050</v>
      </c>
      <c r="AO39" s="349">
        <v>0</v>
      </c>
      <c r="AP39" s="349">
        <v>0</v>
      </c>
      <c r="AQ39" s="354">
        <v>107</v>
      </c>
      <c r="AR39" s="354">
        <v>850550</v>
      </c>
      <c r="AS39" s="352">
        <v>0</v>
      </c>
      <c r="AT39" s="319">
        <v>0</v>
      </c>
      <c r="AU39" s="312">
        <v>33</v>
      </c>
      <c r="AV39" s="353" t="s">
        <v>159</v>
      </c>
      <c r="AW39" s="350">
        <v>0</v>
      </c>
      <c r="AX39" s="349">
        <v>0</v>
      </c>
      <c r="AY39" s="352">
        <v>11136</v>
      </c>
      <c r="AZ39" s="317">
        <v>301020363</v>
      </c>
      <c r="BA39" s="351">
        <v>219005474</v>
      </c>
      <c r="BB39" s="350">
        <v>70852695</v>
      </c>
      <c r="BC39" s="349">
        <v>11162194</v>
      </c>
      <c r="BD39" s="350">
        <v>543</v>
      </c>
      <c r="BE39" s="349">
        <v>31548383</v>
      </c>
      <c r="BF39" s="349">
        <v>0</v>
      </c>
      <c r="BG39" s="348">
        <v>0</v>
      </c>
      <c r="BH39" s="312">
        <v>33</v>
      </c>
      <c r="BI39" s="347" t="s">
        <v>159</v>
      </c>
      <c r="BJ39" s="346">
        <v>1</v>
      </c>
      <c r="BK39" s="346">
        <v>420000</v>
      </c>
      <c r="BL39" s="346">
        <v>3</v>
      </c>
      <c r="BM39" s="346">
        <v>150000</v>
      </c>
      <c r="BN39" s="346">
        <v>0</v>
      </c>
      <c r="BO39" s="346">
        <v>0</v>
      </c>
      <c r="BP39" s="346">
        <v>0</v>
      </c>
      <c r="BQ39" s="346">
        <v>0</v>
      </c>
      <c r="BR39" s="346">
        <v>0</v>
      </c>
      <c r="BS39" s="346">
        <v>0</v>
      </c>
      <c r="BT39" s="346">
        <v>4</v>
      </c>
      <c r="BU39" s="345">
        <v>570000</v>
      </c>
      <c r="BV39" s="344">
        <v>11140</v>
      </c>
      <c r="BW39" s="343">
        <v>301590363</v>
      </c>
      <c r="CA39" s="300" t="e">
        <v>#REF!</v>
      </c>
    </row>
    <row r="40" spans="1:79" s="294" customFormat="1" ht="12.9" customHeight="1" thickTop="1" thickBot="1" x14ac:dyDescent="0.2">
      <c r="A40" s="970" t="s">
        <v>261</v>
      </c>
      <c r="B40" s="971"/>
      <c r="C40" s="305">
        <v>351503</v>
      </c>
      <c r="D40" s="305">
        <v>5163426</v>
      </c>
      <c r="E40" s="305">
        <v>212548860076</v>
      </c>
      <c r="F40" s="305">
        <v>13905425</v>
      </c>
      <c r="G40" s="305">
        <v>21027999</v>
      </c>
      <c r="H40" s="305">
        <v>218884781828</v>
      </c>
      <c r="I40" s="305">
        <v>3273530</v>
      </c>
      <c r="J40" s="305">
        <v>5814134</v>
      </c>
      <c r="K40" s="305">
        <v>45365484504</v>
      </c>
      <c r="L40" s="305">
        <v>17530458</v>
      </c>
      <c r="M40" s="305">
        <v>32005559</v>
      </c>
      <c r="N40" s="304">
        <v>476799126408</v>
      </c>
      <c r="O40" s="970" t="s">
        <v>261</v>
      </c>
      <c r="P40" s="1002"/>
      <c r="Q40" s="303">
        <v>10391729</v>
      </c>
      <c r="R40" s="303">
        <v>12155237</v>
      </c>
      <c r="S40" s="303">
        <v>127947825376</v>
      </c>
      <c r="T40" s="303">
        <v>319794</v>
      </c>
      <c r="U40" s="303">
        <v>13020775</v>
      </c>
      <c r="V40" s="303">
        <v>8888302489</v>
      </c>
      <c r="W40" s="303">
        <v>79185</v>
      </c>
      <c r="X40" s="303">
        <v>539178</v>
      </c>
      <c r="Y40" s="303">
        <v>6190611670</v>
      </c>
      <c r="Z40" s="303">
        <v>28001372</v>
      </c>
      <c r="AA40" s="301">
        <v>619825865943</v>
      </c>
      <c r="AB40" s="970" t="s">
        <v>261</v>
      </c>
      <c r="AC40" s="1002"/>
      <c r="AD40" s="303">
        <v>3583</v>
      </c>
      <c r="AE40" s="303">
        <v>32109</v>
      </c>
      <c r="AF40" s="303">
        <v>584214635</v>
      </c>
      <c r="AG40" s="303">
        <v>12807</v>
      </c>
      <c r="AH40" s="303">
        <v>481036635</v>
      </c>
      <c r="AI40" s="303">
        <v>493050</v>
      </c>
      <c r="AJ40" s="303">
        <v>3685076243</v>
      </c>
      <c r="AK40" s="303">
        <v>50474</v>
      </c>
      <c r="AL40" s="303">
        <v>1621062784</v>
      </c>
      <c r="AM40" s="303">
        <v>33769</v>
      </c>
      <c r="AN40" s="303">
        <v>456059330</v>
      </c>
      <c r="AO40" s="303">
        <v>102</v>
      </c>
      <c r="AP40" s="303">
        <v>3059464</v>
      </c>
      <c r="AQ40" s="303">
        <v>622311</v>
      </c>
      <c r="AR40" s="303">
        <v>6830509091</v>
      </c>
      <c r="AS40" s="303">
        <v>579</v>
      </c>
      <c r="AT40" s="301">
        <v>40350383</v>
      </c>
      <c r="AU40" s="970" t="s">
        <v>261</v>
      </c>
      <c r="AV40" s="971"/>
      <c r="AW40" s="303">
        <v>40</v>
      </c>
      <c r="AX40" s="303">
        <v>7906879</v>
      </c>
      <c r="AY40" s="303">
        <v>28627306</v>
      </c>
      <c r="AZ40" s="303">
        <v>626664281913</v>
      </c>
      <c r="BA40" s="303">
        <v>459704340318</v>
      </c>
      <c r="BB40" s="303">
        <v>147522873984</v>
      </c>
      <c r="BC40" s="303">
        <v>19437067611</v>
      </c>
      <c r="BD40" s="303">
        <v>1290379</v>
      </c>
      <c r="BE40" s="303">
        <v>66137230528</v>
      </c>
      <c r="BF40" s="303">
        <v>2822</v>
      </c>
      <c r="BG40" s="301">
        <v>68737639</v>
      </c>
      <c r="BH40" s="970" t="s">
        <v>261</v>
      </c>
      <c r="BI40" s="971"/>
      <c r="BJ40" s="303">
        <v>5567</v>
      </c>
      <c r="BK40" s="303">
        <v>2268389969</v>
      </c>
      <c r="BL40" s="303">
        <v>10616</v>
      </c>
      <c r="BM40" s="303">
        <v>530700000</v>
      </c>
      <c r="BN40" s="303">
        <v>270</v>
      </c>
      <c r="BO40" s="303">
        <v>23388831</v>
      </c>
      <c r="BP40" s="303">
        <v>0</v>
      </c>
      <c r="BQ40" s="303">
        <v>0</v>
      </c>
      <c r="BR40" s="303">
        <v>10</v>
      </c>
      <c r="BS40" s="303">
        <v>7300000</v>
      </c>
      <c r="BT40" s="303">
        <v>16463</v>
      </c>
      <c r="BU40" s="301">
        <v>2829778800</v>
      </c>
      <c r="BV40" s="302">
        <v>28643769</v>
      </c>
      <c r="BW40" s="301">
        <v>629494060713</v>
      </c>
      <c r="CA40" s="300" t="e">
        <v>#REF!</v>
      </c>
    </row>
    <row r="41" spans="1:79" s="294" customFormat="1" ht="12.9" customHeight="1" thickTop="1" x14ac:dyDescent="0.15">
      <c r="A41" s="332">
        <v>301</v>
      </c>
      <c r="B41" s="341" t="s">
        <v>260</v>
      </c>
      <c r="C41" s="328">
        <v>933</v>
      </c>
      <c r="D41" s="328">
        <v>8634</v>
      </c>
      <c r="E41" s="328">
        <v>556853910</v>
      </c>
      <c r="F41" s="327">
        <v>68007</v>
      </c>
      <c r="G41" s="327">
        <v>92935</v>
      </c>
      <c r="H41" s="326">
        <v>983439130</v>
      </c>
      <c r="I41" s="324">
        <v>23801</v>
      </c>
      <c r="J41" s="323">
        <v>36913</v>
      </c>
      <c r="K41" s="323">
        <v>282251820</v>
      </c>
      <c r="L41" s="325">
        <v>92741</v>
      </c>
      <c r="M41" s="325">
        <v>138482</v>
      </c>
      <c r="N41" s="306">
        <v>1822544860</v>
      </c>
      <c r="O41" s="332">
        <v>301</v>
      </c>
      <c r="P41" s="341" t="s">
        <v>260</v>
      </c>
      <c r="Q41" s="324">
        <v>44432</v>
      </c>
      <c r="R41" s="323">
        <v>50805</v>
      </c>
      <c r="S41" s="323">
        <v>636042670</v>
      </c>
      <c r="T41" s="324">
        <v>834</v>
      </c>
      <c r="U41" s="323">
        <v>20557</v>
      </c>
      <c r="V41" s="323">
        <v>13480032</v>
      </c>
      <c r="W41" s="324">
        <v>111</v>
      </c>
      <c r="X41" s="323">
        <v>686</v>
      </c>
      <c r="Y41" s="323">
        <v>6518690</v>
      </c>
      <c r="Z41" s="325">
        <v>137284</v>
      </c>
      <c r="AA41" s="306">
        <v>2478586252</v>
      </c>
      <c r="AB41" s="332">
        <v>301</v>
      </c>
      <c r="AC41" s="341" t="s">
        <v>260</v>
      </c>
      <c r="AD41" s="324">
        <v>0</v>
      </c>
      <c r="AE41" s="323">
        <v>33</v>
      </c>
      <c r="AF41" s="323">
        <v>879150</v>
      </c>
      <c r="AG41" s="323">
        <v>69</v>
      </c>
      <c r="AH41" s="323">
        <v>2482221</v>
      </c>
      <c r="AI41" s="323">
        <v>2112</v>
      </c>
      <c r="AJ41" s="323">
        <v>13055935</v>
      </c>
      <c r="AK41" s="323">
        <v>23</v>
      </c>
      <c r="AL41" s="323">
        <v>802640</v>
      </c>
      <c r="AM41" s="323">
        <v>32</v>
      </c>
      <c r="AN41" s="323">
        <v>341730</v>
      </c>
      <c r="AO41" s="323">
        <v>0</v>
      </c>
      <c r="AP41" s="323">
        <v>0</v>
      </c>
      <c r="AQ41" s="325">
        <v>2269</v>
      </c>
      <c r="AR41" s="325">
        <v>17561676</v>
      </c>
      <c r="AS41" s="318">
        <v>0</v>
      </c>
      <c r="AT41" s="342">
        <v>0</v>
      </c>
      <c r="AU41" s="332">
        <v>301</v>
      </c>
      <c r="AV41" s="341" t="s">
        <v>260</v>
      </c>
      <c r="AW41" s="324">
        <v>0</v>
      </c>
      <c r="AX41" s="323">
        <v>0</v>
      </c>
      <c r="AY41" s="336">
        <v>139553</v>
      </c>
      <c r="AZ41" s="335">
        <v>2496147928</v>
      </c>
      <c r="BA41" s="334">
        <v>1750469913</v>
      </c>
      <c r="BB41" s="324">
        <v>686487234</v>
      </c>
      <c r="BC41" s="323">
        <v>59190781</v>
      </c>
      <c r="BD41" s="324">
        <v>1046</v>
      </c>
      <c r="BE41" s="323">
        <v>142169746</v>
      </c>
      <c r="BF41" s="323">
        <v>0</v>
      </c>
      <c r="BG41" s="333">
        <v>0</v>
      </c>
      <c r="BH41" s="332">
        <v>301</v>
      </c>
      <c r="BI41" s="341" t="s">
        <v>260</v>
      </c>
      <c r="BJ41" s="340">
        <v>51</v>
      </c>
      <c r="BK41" s="340">
        <v>20987170</v>
      </c>
      <c r="BL41" s="340">
        <v>14</v>
      </c>
      <c r="BM41" s="340">
        <v>2300000</v>
      </c>
      <c r="BN41" s="340">
        <v>54</v>
      </c>
      <c r="BO41" s="340">
        <v>916000</v>
      </c>
      <c r="BP41" s="340">
        <v>0</v>
      </c>
      <c r="BQ41" s="340">
        <v>0</v>
      </c>
      <c r="BR41" s="340">
        <v>0</v>
      </c>
      <c r="BS41" s="340">
        <v>0</v>
      </c>
      <c r="BT41" s="340">
        <v>119</v>
      </c>
      <c r="BU41" s="339">
        <v>24203170</v>
      </c>
      <c r="BV41" s="307">
        <v>139672</v>
      </c>
      <c r="BW41" s="306">
        <v>2520351098</v>
      </c>
      <c r="CA41" s="300" t="e">
        <v>#REF!</v>
      </c>
    </row>
    <row r="42" spans="1:79" s="294" customFormat="1" ht="12.9" customHeight="1" x14ac:dyDescent="0.15">
      <c r="A42" s="332">
        <v>302</v>
      </c>
      <c r="B42" s="331" t="s">
        <v>258</v>
      </c>
      <c r="C42" s="328">
        <v>1315</v>
      </c>
      <c r="D42" s="328">
        <v>10510</v>
      </c>
      <c r="E42" s="328">
        <v>667916710</v>
      </c>
      <c r="F42" s="327">
        <v>92953</v>
      </c>
      <c r="G42" s="327">
        <v>125702</v>
      </c>
      <c r="H42" s="326">
        <v>1178949405</v>
      </c>
      <c r="I42" s="324">
        <v>10615</v>
      </c>
      <c r="J42" s="323">
        <v>16453</v>
      </c>
      <c r="K42" s="323">
        <v>147979710</v>
      </c>
      <c r="L42" s="325">
        <v>104883</v>
      </c>
      <c r="M42" s="325">
        <v>152665</v>
      </c>
      <c r="N42" s="306">
        <v>1994845825</v>
      </c>
      <c r="O42" s="332">
        <v>302</v>
      </c>
      <c r="P42" s="331" t="s">
        <v>258</v>
      </c>
      <c r="Q42" s="324">
        <v>61732</v>
      </c>
      <c r="R42" s="323">
        <v>70068</v>
      </c>
      <c r="S42" s="323">
        <v>650546085</v>
      </c>
      <c r="T42" s="324">
        <v>1111</v>
      </c>
      <c r="U42" s="323">
        <v>24279</v>
      </c>
      <c r="V42" s="323">
        <v>15980245</v>
      </c>
      <c r="W42" s="324">
        <v>163</v>
      </c>
      <c r="X42" s="323">
        <v>1102</v>
      </c>
      <c r="Y42" s="323">
        <v>12312150</v>
      </c>
      <c r="Z42" s="325">
        <v>166778</v>
      </c>
      <c r="AA42" s="306">
        <v>2673684305</v>
      </c>
      <c r="AB42" s="332">
        <v>302</v>
      </c>
      <c r="AC42" s="331" t="s">
        <v>258</v>
      </c>
      <c r="AD42" s="324">
        <v>0</v>
      </c>
      <c r="AE42" s="323">
        <v>180</v>
      </c>
      <c r="AF42" s="323">
        <v>1324500</v>
      </c>
      <c r="AG42" s="323">
        <v>72</v>
      </c>
      <c r="AH42" s="323">
        <v>2780206</v>
      </c>
      <c r="AI42" s="323">
        <v>5650</v>
      </c>
      <c r="AJ42" s="323">
        <v>34637589</v>
      </c>
      <c r="AK42" s="323">
        <v>0</v>
      </c>
      <c r="AL42" s="323">
        <v>0</v>
      </c>
      <c r="AM42" s="323">
        <v>0</v>
      </c>
      <c r="AN42" s="323">
        <v>0</v>
      </c>
      <c r="AO42" s="323">
        <v>7</v>
      </c>
      <c r="AP42" s="323">
        <v>13006</v>
      </c>
      <c r="AQ42" s="325">
        <v>5909</v>
      </c>
      <c r="AR42" s="325">
        <v>38755301</v>
      </c>
      <c r="AS42" s="338">
        <v>0</v>
      </c>
      <c r="AT42" s="337">
        <v>0</v>
      </c>
      <c r="AU42" s="332">
        <v>302</v>
      </c>
      <c r="AV42" s="331" t="s">
        <v>258</v>
      </c>
      <c r="AW42" s="324">
        <v>0</v>
      </c>
      <c r="AX42" s="323">
        <v>0</v>
      </c>
      <c r="AY42" s="336">
        <v>172687</v>
      </c>
      <c r="AZ42" s="335">
        <v>2712439606</v>
      </c>
      <c r="BA42" s="334">
        <v>1913383249</v>
      </c>
      <c r="BB42" s="324">
        <v>734270503</v>
      </c>
      <c r="BC42" s="323">
        <v>64785854</v>
      </c>
      <c r="BD42" s="324">
        <v>1669</v>
      </c>
      <c r="BE42" s="323">
        <v>165088422</v>
      </c>
      <c r="BF42" s="323">
        <v>0</v>
      </c>
      <c r="BG42" s="333">
        <v>0</v>
      </c>
      <c r="BH42" s="332">
        <v>302</v>
      </c>
      <c r="BI42" s="331" t="s">
        <v>258</v>
      </c>
      <c r="BJ42" s="330">
        <v>393</v>
      </c>
      <c r="BK42" s="330">
        <v>105670000</v>
      </c>
      <c r="BL42" s="330">
        <v>25</v>
      </c>
      <c r="BM42" s="330">
        <v>4050000</v>
      </c>
      <c r="BN42" s="330">
        <v>796</v>
      </c>
      <c r="BO42" s="330">
        <v>25387000</v>
      </c>
      <c r="BP42" s="330">
        <v>0</v>
      </c>
      <c r="BQ42" s="330">
        <v>0</v>
      </c>
      <c r="BR42" s="330">
        <v>0</v>
      </c>
      <c r="BS42" s="330">
        <v>0</v>
      </c>
      <c r="BT42" s="330">
        <v>1214</v>
      </c>
      <c r="BU42" s="329">
        <v>135107000</v>
      </c>
      <c r="BV42" s="307">
        <v>173901</v>
      </c>
      <c r="BW42" s="306">
        <v>2847546606</v>
      </c>
      <c r="CA42" s="300" t="e">
        <v>#REF!</v>
      </c>
    </row>
    <row r="43" spans="1:79" s="294" customFormat="1" ht="12.9" customHeight="1" x14ac:dyDescent="0.15">
      <c r="A43" s="332">
        <v>303</v>
      </c>
      <c r="B43" s="331" t="s">
        <v>256</v>
      </c>
      <c r="C43" s="328">
        <v>1283</v>
      </c>
      <c r="D43" s="328">
        <v>12678</v>
      </c>
      <c r="E43" s="328">
        <v>847436695</v>
      </c>
      <c r="F43" s="327">
        <v>81073</v>
      </c>
      <c r="G43" s="327">
        <v>117111</v>
      </c>
      <c r="H43" s="326">
        <v>1108304578</v>
      </c>
      <c r="I43" s="324">
        <v>24490</v>
      </c>
      <c r="J43" s="323">
        <v>44017</v>
      </c>
      <c r="K43" s="323">
        <v>345935835</v>
      </c>
      <c r="L43" s="325">
        <v>106846</v>
      </c>
      <c r="M43" s="325">
        <v>173806</v>
      </c>
      <c r="N43" s="306">
        <v>2301677108</v>
      </c>
      <c r="O43" s="332">
        <v>303</v>
      </c>
      <c r="P43" s="331" t="s">
        <v>256</v>
      </c>
      <c r="Q43" s="324">
        <v>58546</v>
      </c>
      <c r="R43" s="323">
        <v>67799</v>
      </c>
      <c r="S43" s="323">
        <v>760414177</v>
      </c>
      <c r="T43" s="324">
        <v>1131</v>
      </c>
      <c r="U43" s="323">
        <v>28479</v>
      </c>
      <c r="V43" s="323">
        <v>19106132</v>
      </c>
      <c r="W43" s="324">
        <v>180</v>
      </c>
      <c r="X43" s="323">
        <v>946</v>
      </c>
      <c r="Y43" s="323">
        <v>11116960</v>
      </c>
      <c r="Z43" s="325">
        <v>165572</v>
      </c>
      <c r="AA43" s="306">
        <v>3092314377</v>
      </c>
      <c r="AB43" s="332">
        <v>303</v>
      </c>
      <c r="AC43" s="331" t="s">
        <v>256</v>
      </c>
      <c r="AD43" s="324">
        <v>0</v>
      </c>
      <c r="AE43" s="323">
        <v>68</v>
      </c>
      <c r="AF43" s="323">
        <v>3952390</v>
      </c>
      <c r="AG43" s="323">
        <v>85</v>
      </c>
      <c r="AH43" s="323">
        <v>3673108</v>
      </c>
      <c r="AI43" s="323">
        <v>6558</v>
      </c>
      <c r="AJ43" s="323">
        <v>45358828</v>
      </c>
      <c r="AK43" s="323">
        <v>183</v>
      </c>
      <c r="AL43" s="323">
        <v>3928010</v>
      </c>
      <c r="AM43" s="323">
        <v>163</v>
      </c>
      <c r="AN43" s="323">
        <v>1542230</v>
      </c>
      <c r="AO43" s="323">
        <v>0</v>
      </c>
      <c r="AP43" s="323">
        <v>0</v>
      </c>
      <c r="AQ43" s="325">
        <v>7057</v>
      </c>
      <c r="AR43" s="325">
        <v>58454566</v>
      </c>
      <c r="AS43" s="338">
        <v>0</v>
      </c>
      <c r="AT43" s="337">
        <v>0</v>
      </c>
      <c r="AU43" s="332">
        <v>303</v>
      </c>
      <c r="AV43" s="331" t="s">
        <v>256</v>
      </c>
      <c r="AW43" s="324">
        <v>1</v>
      </c>
      <c r="AX43" s="323">
        <v>49924</v>
      </c>
      <c r="AY43" s="336">
        <v>172630</v>
      </c>
      <c r="AZ43" s="335">
        <v>3150818867</v>
      </c>
      <c r="BA43" s="334">
        <v>2259033226</v>
      </c>
      <c r="BB43" s="324">
        <v>812595355</v>
      </c>
      <c r="BC43" s="323">
        <v>79190286</v>
      </c>
      <c r="BD43" s="324">
        <v>2729</v>
      </c>
      <c r="BE43" s="323">
        <v>276757578</v>
      </c>
      <c r="BF43" s="323">
        <v>0</v>
      </c>
      <c r="BG43" s="333">
        <v>0</v>
      </c>
      <c r="BH43" s="332">
        <v>303</v>
      </c>
      <c r="BI43" s="331" t="s">
        <v>256</v>
      </c>
      <c r="BJ43" s="330">
        <v>54</v>
      </c>
      <c r="BK43" s="330">
        <v>22680000</v>
      </c>
      <c r="BL43" s="330">
        <v>38</v>
      </c>
      <c r="BM43" s="330">
        <v>7730000</v>
      </c>
      <c r="BN43" s="330">
        <v>4</v>
      </c>
      <c r="BO43" s="330">
        <v>120000</v>
      </c>
      <c r="BP43" s="330">
        <v>0</v>
      </c>
      <c r="BQ43" s="330">
        <v>0</v>
      </c>
      <c r="BR43" s="330">
        <v>0</v>
      </c>
      <c r="BS43" s="330">
        <v>0</v>
      </c>
      <c r="BT43" s="330">
        <v>96</v>
      </c>
      <c r="BU43" s="329">
        <v>30530000</v>
      </c>
      <c r="BV43" s="307">
        <v>172726</v>
      </c>
      <c r="BW43" s="306">
        <v>3181348867</v>
      </c>
      <c r="CA43" s="300" t="e">
        <v>#REF!</v>
      </c>
    </row>
    <row r="44" spans="1:79" s="294" customFormat="1" ht="12.9" customHeight="1" x14ac:dyDescent="0.15">
      <c r="A44" s="332">
        <v>304</v>
      </c>
      <c r="B44" s="331" t="s">
        <v>254</v>
      </c>
      <c r="C44" s="328">
        <v>298</v>
      </c>
      <c r="D44" s="328">
        <v>3305</v>
      </c>
      <c r="E44" s="328">
        <v>161215290</v>
      </c>
      <c r="F44" s="327">
        <v>26079</v>
      </c>
      <c r="G44" s="327">
        <v>35445</v>
      </c>
      <c r="H44" s="326">
        <v>254594910</v>
      </c>
      <c r="I44" s="324">
        <v>6924</v>
      </c>
      <c r="J44" s="323">
        <v>11007</v>
      </c>
      <c r="K44" s="323">
        <v>83374110</v>
      </c>
      <c r="L44" s="325">
        <v>33301</v>
      </c>
      <c r="M44" s="325">
        <v>49757</v>
      </c>
      <c r="N44" s="306">
        <v>499184310</v>
      </c>
      <c r="O44" s="332">
        <v>304</v>
      </c>
      <c r="P44" s="331" t="s">
        <v>254</v>
      </c>
      <c r="Q44" s="324">
        <v>19810</v>
      </c>
      <c r="R44" s="323">
        <v>23037</v>
      </c>
      <c r="S44" s="323">
        <v>193816580</v>
      </c>
      <c r="T44" s="324">
        <v>266</v>
      </c>
      <c r="U44" s="323">
        <v>8329</v>
      </c>
      <c r="V44" s="323">
        <v>5534657</v>
      </c>
      <c r="W44" s="324">
        <v>10</v>
      </c>
      <c r="X44" s="323">
        <v>61</v>
      </c>
      <c r="Y44" s="323">
        <v>666880</v>
      </c>
      <c r="Z44" s="325">
        <v>53121</v>
      </c>
      <c r="AA44" s="306">
        <v>699202427</v>
      </c>
      <c r="AB44" s="332">
        <v>304</v>
      </c>
      <c r="AC44" s="331" t="s">
        <v>254</v>
      </c>
      <c r="AD44" s="324">
        <v>0</v>
      </c>
      <c r="AE44" s="323">
        <v>39</v>
      </c>
      <c r="AF44" s="323">
        <v>363280</v>
      </c>
      <c r="AG44" s="323">
        <v>27</v>
      </c>
      <c r="AH44" s="323">
        <v>813864</v>
      </c>
      <c r="AI44" s="323">
        <v>1012</v>
      </c>
      <c r="AJ44" s="323">
        <v>6228085</v>
      </c>
      <c r="AK44" s="323">
        <v>11</v>
      </c>
      <c r="AL44" s="323">
        <v>448640</v>
      </c>
      <c r="AM44" s="323">
        <v>28</v>
      </c>
      <c r="AN44" s="323">
        <v>185270</v>
      </c>
      <c r="AO44" s="323">
        <v>0</v>
      </c>
      <c r="AP44" s="323">
        <v>0</v>
      </c>
      <c r="AQ44" s="325">
        <v>1117</v>
      </c>
      <c r="AR44" s="325">
        <v>8039139</v>
      </c>
      <c r="AS44" s="338">
        <v>0</v>
      </c>
      <c r="AT44" s="337">
        <v>0</v>
      </c>
      <c r="AU44" s="332">
        <v>304</v>
      </c>
      <c r="AV44" s="331" t="s">
        <v>254</v>
      </c>
      <c r="AW44" s="324">
        <v>0</v>
      </c>
      <c r="AX44" s="323">
        <v>0</v>
      </c>
      <c r="AY44" s="336">
        <v>54238</v>
      </c>
      <c r="AZ44" s="335">
        <v>707241566</v>
      </c>
      <c r="BA44" s="334">
        <v>498030372</v>
      </c>
      <c r="BB44" s="324">
        <v>189332977</v>
      </c>
      <c r="BC44" s="323">
        <v>19878217</v>
      </c>
      <c r="BD44" s="324">
        <v>356</v>
      </c>
      <c r="BE44" s="323">
        <v>33340854</v>
      </c>
      <c r="BF44" s="323">
        <v>0</v>
      </c>
      <c r="BG44" s="333">
        <v>0</v>
      </c>
      <c r="BH44" s="332">
        <v>304</v>
      </c>
      <c r="BI44" s="331" t="s">
        <v>254</v>
      </c>
      <c r="BJ44" s="330">
        <v>38</v>
      </c>
      <c r="BK44" s="330">
        <v>15960000</v>
      </c>
      <c r="BL44" s="330">
        <v>8</v>
      </c>
      <c r="BM44" s="330">
        <v>740000</v>
      </c>
      <c r="BN44" s="330">
        <v>5</v>
      </c>
      <c r="BO44" s="330">
        <v>535668</v>
      </c>
      <c r="BP44" s="330">
        <v>0</v>
      </c>
      <c r="BQ44" s="330">
        <v>0</v>
      </c>
      <c r="BR44" s="330">
        <v>0</v>
      </c>
      <c r="BS44" s="330">
        <v>0</v>
      </c>
      <c r="BT44" s="330">
        <v>51</v>
      </c>
      <c r="BU44" s="329">
        <v>17235668</v>
      </c>
      <c r="BV44" s="307">
        <v>54289</v>
      </c>
      <c r="BW44" s="306">
        <v>724477234</v>
      </c>
      <c r="CA44" s="300" t="e">
        <v>#REF!</v>
      </c>
    </row>
    <row r="45" spans="1:79" s="294" customFormat="1" ht="12.9" customHeight="1" x14ac:dyDescent="0.15">
      <c r="A45" s="332">
        <v>305</v>
      </c>
      <c r="B45" s="331" t="s">
        <v>252</v>
      </c>
      <c r="C45" s="328">
        <v>752</v>
      </c>
      <c r="D45" s="328">
        <v>7202</v>
      </c>
      <c r="E45" s="328">
        <v>402051299</v>
      </c>
      <c r="F45" s="327">
        <v>42783</v>
      </c>
      <c r="G45" s="327">
        <v>58942</v>
      </c>
      <c r="H45" s="326">
        <v>514886510</v>
      </c>
      <c r="I45" s="324">
        <v>11488</v>
      </c>
      <c r="J45" s="323">
        <v>19615</v>
      </c>
      <c r="K45" s="323">
        <v>156210850</v>
      </c>
      <c r="L45" s="325">
        <v>55023</v>
      </c>
      <c r="M45" s="325">
        <v>85759</v>
      </c>
      <c r="N45" s="306">
        <v>1073148659</v>
      </c>
      <c r="O45" s="332">
        <v>305</v>
      </c>
      <c r="P45" s="331" t="s">
        <v>252</v>
      </c>
      <c r="Q45" s="324">
        <v>31032</v>
      </c>
      <c r="R45" s="323">
        <v>35774</v>
      </c>
      <c r="S45" s="323">
        <v>333543270</v>
      </c>
      <c r="T45" s="324">
        <v>645</v>
      </c>
      <c r="U45" s="323">
        <v>17258</v>
      </c>
      <c r="V45" s="323">
        <v>11330433</v>
      </c>
      <c r="W45" s="324">
        <v>148</v>
      </c>
      <c r="X45" s="323">
        <v>1036</v>
      </c>
      <c r="Y45" s="323">
        <v>12127940</v>
      </c>
      <c r="Z45" s="325">
        <v>86203</v>
      </c>
      <c r="AA45" s="306">
        <v>1430150302</v>
      </c>
      <c r="AB45" s="332">
        <v>305</v>
      </c>
      <c r="AC45" s="331" t="s">
        <v>252</v>
      </c>
      <c r="AD45" s="324">
        <v>0</v>
      </c>
      <c r="AE45" s="323">
        <v>40</v>
      </c>
      <c r="AF45" s="323">
        <v>436040</v>
      </c>
      <c r="AG45" s="323">
        <v>42</v>
      </c>
      <c r="AH45" s="323">
        <v>1670990</v>
      </c>
      <c r="AI45" s="323">
        <v>2535</v>
      </c>
      <c r="AJ45" s="323">
        <v>17982349</v>
      </c>
      <c r="AK45" s="323">
        <v>0</v>
      </c>
      <c r="AL45" s="323">
        <v>0</v>
      </c>
      <c r="AM45" s="323">
        <v>0</v>
      </c>
      <c r="AN45" s="323">
        <v>0</v>
      </c>
      <c r="AO45" s="323">
        <v>0</v>
      </c>
      <c r="AP45" s="323">
        <v>0</v>
      </c>
      <c r="AQ45" s="325">
        <v>2617</v>
      </c>
      <c r="AR45" s="325">
        <v>20089379</v>
      </c>
      <c r="AS45" s="338">
        <v>0</v>
      </c>
      <c r="AT45" s="337">
        <v>0</v>
      </c>
      <c r="AU45" s="332">
        <v>305</v>
      </c>
      <c r="AV45" s="331" t="s">
        <v>252</v>
      </c>
      <c r="AW45" s="324">
        <v>0</v>
      </c>
      <c r="AX45" s="323">
        <v>0</v>
      </c>
      <c r="AY45" s="336">
        <v>88820</v>
      </c>
      <c r="AZ45" s="335">
        <v>1450239681</v>
      </c>
      <c r="BA45" s="334">
        <v>1030717269</v>
      </c>
      <c r="BB45" s="324">
        <v>371131137</v>
      </c>
      <c r="BC45" s="323">
        <v>48391275</v>
      </c>
      <c r="BD45" s="324">
        <v>745</v>
      </c>
      <c r="BE45" s="323">
        <v>89168024</v>
      </c>
      <c r="BF45" s="323">
        <v>0</v>
      </c>
      <c r="BG45" s="333">
        <v>0</v>
      </c>
      <c r="BH45" s="332">
        <v>305</v>
      </c>
      <c r="BI45" s="331" t="s">
        <v>252</v>
      </c>
      <c r="BJ45" s="330">
        <v>42</v>
      </c>
      <c r="BK45" s="330">
        <v>16727790</v>
      </c>
      <c r="BL45" s="330">
        <v>14</v>
      </c>
      <c r="BM45" s="330">
        <v>1150000</v>
      </c>
      <c r="BN45" s="330">
        <v>218</v>
      </c>
      <c r="BO45" s="330">
        <v>7576000</v>
      </c>
      <c r="BP45" s="330">
        <v>4</v>
      </c>
      <c r="BQ45" s="330">
        <v>1000000</v>
      </c>
      <c r="BR45" s="330">
        <v>830</v>
      </c>
      <c r="BS45" s="330">
        <v>27829075</v>
      </c>
      <c r="BT45" s="330">
        <v>1108</v>
      </c>
      <c r="BU45" s="329">
        <v>54282865</v>
      </c>
      <c r="BV45" s="307">
        <v>89928</v>
      </c>
      <c r="BW45" s="306">
        <v>1504522546</v>
      </c>
      <c r="CA45" s="300" t="e">
        <v>#REF!</v>
      </c>
    </row>
    <row r="46" spans="1:79" s="294" customFormat="1" ht="12.9" customHeight="1" thickBot="1" x14ac:dyDescent="0.2">
      <c r="A46" s="312">
        <v>306</v>
      </c>
      <c r="B46" s="311" t="s">
        <v>250</v>
      </c>
      <c r="C46" s="328">
        <v>7959</v>
      </c>
      <c r="D46" s="328">
        <v>70409</v>
      </c>
      <c r="E46" s="328">
        <v>4365889211</v>
      </c>
      <c r="F46" s="327">
        <v>410525</v>
      </c>
      <c r="G46" s="327">
        <v>583396</v>
      </c>
      <c r="H46" s="326">
        <v>5315061323</v>
      </c>
      <c r="I46" s="324">
        <v>115956</v>
      </c>
      <c r="J46" s="323">
        <v>205767</v>
      </c>
      <c r="K46" s="323">
        <v>1629482739</v>
      </c>
      <c r="L46" s="325">
        <v>534440</v>
      </c>
      <c r="M46" s="325">
        <v>859572</v>
      </c>
      <c r="N46" s="306">
        <v>11310433273</v>
      </c>
      <c r="O46" s="312">
        <v>306</v>
      </c>
      <c r="P46" s="311" t="s">
        <v>250</v>
      </c>
      <c r="Q46" s="324">
        <v>295337</v>
      </c>
      <c r="R46" s="323">
        <v>342626</v>
      </c>
      <c r="S46" s="323">
        <v>3139957455</v>
      </c>
      <c r="T46" s="324">
        <v>6856</v>
      </c>
      <c r="U46" s="323">
        <v>161038</v>
      </c>
      <c r="V46" s="323">
        <v>107470016</v>
      </c>
      <c r="W46" s="324">
        <v>946</v>
      </c>
      <c r="X46" s="323">
        <v>5297</v>
      </c>
      <c r="Y46" s="323">
        <v>62403280</v>
      </c>
      <c r="Z46" s="322">
        <v>830723</v>
      </c>
      <c r="AA46" s="321">
        <v>14620264024</v>
      </c>
      <c r="AB46" s="312">
        <v>306</v>
      </c>
      <c r="AC46" s="311" t="s">
        <v>250</v>
      </c>
      <c r="AD46" s="315">
        <v>80</v>
      </c>
      <c r="AE46" s="314">
        <v>430</v>
      </c>
      <c r="AF46" s="314">
        <v>4884110</v>
      </c>
      <c r="AG46" s="314">
        <v>430</v>
      </c>
      <c r="AH46" s="314">
        <v>16947983</v>
      </c>
      <c r="AI46" s="314">
        <v>23379</v>
      </c>
      <c r="AJ46" s="314">
        <v>153934566</v>
      </c>
      <c r="AK46" s="314">
        <v>541</v>
      </c>
      <c r="AL46" s="314">
        <v>18303090</v>
      </c>
      <c r="AM46" s="314">
        <v>851</v>
      </c>
      <c r="AN46" s="314">
        <v>12129839</v>
      </c>
      <c r="AO46" s="314">
        <v>0</v>
      </c>
      <c r="AP46" s="314">
        <v>0</v>
      </c>
      <c r="AQ46" s="320">
        <v>25631</v>
      </c>
      <c r="AR46" s="320">
        <v>206199588</v>
      </c>
      <c r="AS46" s="318">
        <v>2</v>
      </c>
      <c r="AT46" s="319">
        <v>59409</v>
      </c>
      <c r="AU46" s="312">
        <v>306</v>
      </c>
      <c r="AV46" s="311" t="s">
        <v>250</v>
      </c>
      <c r="AW46" s="315">
        <v>0</v>
      </c>
      <c r="AX46" s="314">
        <v>0</v>
      </c>
      <c r="AY46" s="318">
        <v>856434</v>
      </c>
      <c r="AZ46" s="317">
        <v>14826463612</v>
      </c>
      <c r="BA46" s="316">
        <v>10629466956</v>
      </c>
      <c r="BB46" s="315">
        <v>3604755163</v>
      </c>
      <c r="BC46" s="314">
        <v>592241493</v>
      </c>
      <c r="BD46" s="315">
        <v>14183</v>
      </c>
      <c r="BE46" s="314">
        <v>1164382519</v>
      </c>
      <c r="BF46" s="314">
        <v>1</v>
      </c>
      <c r="BG46" s="313">
        <v>6988</v>
      </c>
      <c r="BH46" s="312">
        <v>306</v>
      </c>
      <c r="BI46" s="311" t="s">
        <v>250</v>
      </c>
      <c r="BJ46" s="309">
        <v>636</v>
      </c>
      <c r="BK46" s="309">
        <v>267056077</v>
      </c>
      <c r="BL46" s="309">
        <v>156</v>
      </c>
      <c r="BM46" s="309">
        <v>10600000</v>
      </c>
      <c r="BN46" s="309">
        <v>2848</v>
      </c>
      <c r="BO46" s="309">
        <v>247630900</v>
      </c>
      <c r="BP46" s="309">
        <v>26</v>
      </c>
      <c r="BQ46" s="310">
        <v>10446800</v>
      </c>
      <c r="BR46" s="309">
        <v>9929</v>
      </c>
      <c r="BS46" s="309">
        <v>289177636</v>
      </c>
      <c r="BT46" s="309">
        <v>13595</v>
      </c>
      <c r="BU46" s="308">
        <v>824911413</v>
      </c>
      <c r="BV46" s="307">
        <v>870029</v>
      </c>
      <c r="BW46" s="306">
        <v>15651375025</v>
      </c>
      <c r="CA46" s="300" t="e">
        <v>#REF!</v>
      </c>
    </row>
    <row r="47" spans="1:79" s="294" customFormat="1" ht="12.9" customHeight="1" thickTop="1" thickBot="1" x14ac:dyDescent="0.2">
      <c r="A47" s="970" t="s">
        <v>248</v>
      </c>
      <c r="B47" s="971"/>
      <c r="C47" s="305">
        <v>12540</v>
      </c>
      <c r="D47" s="305">
        <v>112738</v>
      </c>
      <c r="E47" s="305">
        <v>7001363115</v>
      </c>
      <c r="F47" s="305">
        <v>721420</v>
      </c>
      <c r="G47" s="305">
        <v>1013531</v>
      </c>
      <c r="H47" s="305">
        <v>9355235856</v>
      </c>
      <c r="I47" s="305">
        <v>193274</v>
      </c>
      <c r="J47" s="305">
        <v>333772</v>
      </c>
      <c r="K47" s="305">
        <v>2645235064</v>
      </c>
      <c r="L47" s="305">
        <v>927234</v>
      </c>
      <c r="M47" s="305">
        <v>1460041</v>
      </c>
      <c r="N47" s="304">
        <v>19001834035</v>
      </c>
      <c r="O47" s="970" t="s">
        <v>248</v>
      </c>
      <c r="P47" s="1002"/>
      <c r="Q47" s="303">
        <v>510889</v>
      </c>
      <c r="R47" s="303">
        <v>590109</v>
      </c>
      <c r="S47" s="303">
        <v>5714320237</v>
      </c>
      <c r="T47" s="303">
        <v>10843</v>
      </c>
      <c r="U47" s="303">
        <v>259940</v>
      </c>
      <c r="V47" s="303">
        <v>172901515</v>
      </c>
      <c r="W47" s="303">
        <v>1558</v>
      </c>
      <c r="X47" s="303">
        <v>9128</v>
      </c>
      <c r="Y47" s="303">
        <v>105145900</v>
      </c>
      <c r="Z47" s="303">
        <v>1439681</v>
      </c>
      <c r="AA47" s="301">
        <v>24994201687</v>
      </c>
      <c r="AB47" s="970" t="s">
        <v>248</v>
      </c>
      <c r="AC47" s="1002"/>
      <c r="AD47" s="303">
        <v>80</v>
      </c>
      <c r="AE47" s="303">
        <v>790</v>
      </c>
      <c r="AF47" s="303">
        <v>11839470</v>
      </c>
      <c r="AG47" s="303">
        <v>725</v>
      </c>
      <c r="AH47" s="303">
        <v>28368372</v>
      </c>
      <c r="AI47" s="303">
        <v>41246</v>
      </c>
      <c r="AJ47" s="303">
        <v>271197352</v>
      </c>
      <c r="AK47" s="303">
        <v>758</v>
      </c>
      <c r="AL47" s="303">
        <v>23482380</v>
      </c>
      <c r="AM47" s="303">
        <v>1074</v>
      </c>
      <c r="AN47" s="303">
        <v>14199069</v>
      </c>
      <c r="AO47" s="303">
        <v>7</v>
      </c>
      <c r="AP47" s="303">
        <v>13006</v>
      </c>
      <c r="AQ47" s="303">
        <v>44600</v>
      </c>
      <c r="AR47" s="303">
        <v>349099649</v>
      </c>
      <c r="AS47" s="303">
        <v>2</v>
      </c>
      <c r="AT47" s="301">
        <v>59409</v>
      </c>
      <c r="AU47" s="970" t="s">
        <v>248</v>
      </c>
      <c r="AV47" s="971"/>
      <c r="AW47" s="303">
        <v>1</v>
      </c>
      <c r="AX47" s="303">
        <v>49924</v>
      </c>
      <c r="AY47" s="303">
        <v>1484362</v>
      </c>
      <c r="AZ47" s="303">
        <v>25343351260</v>
      </c>
      <c r="BA47" s="303">
        <v>18081100985</v>
      </c>
      <c r="BB47" s="303">
        <v>6398572369</v>
      </c>
      <c r="BC47" s="303">
        <v>863677906</v>
      </c>
      <c r="BD47" s="303">
        <v>20728</v>
      </c>
      <c r="BE47" s="303">
        <v>1870907143</v>
      </c>
      <c r="BF47" s="303">
        <v>1</v>
      </c>
      <c r="BG47" s="301">
        <v>6988</v>
      </c>
      <c r="BH47" s="970" t="s">
        <v>248</v>
      </c>
      <c r="BI47" s="971"/>
      <c r="BJ47" s="303">
        <v>1214</v>
      </c>
      <c r="BK47" s="303">
        <v>449081037</v>
      </c>
      <c r="BL47" s="303">
        <v>255</v>
      </c>
      <c r="BM47" s="303">
        <v>26570000</v>
      </c>
      <c r="BN47" s="303">
        <v>3925</v>
      </c>
      <c r="BO47" s="303">
        <v>282165568</v>
      </c>
      <c r="BP47" s="303">
        <v>30</v>
      </c>
      <c r="BQ47" s="303">
        <v>11446800</v>
      </c>
      <c r="BR47" s="303">
        <v>10759</v>
      </c>
      <c r="BS47" s="303">
        <v>317006711</v>
      </c>
      <c r="BT47" s="303">
        <v>16183</v>
      </c>
      <c r="BU47" s="301">
        <v>1086270116</v>
      </c>
      <c r="BV47" s="302">
        <v>1500545</v>
      </c>
      <c r="BW47" s="301">
        <v>26429621376</v>
      </c>
      <c r="CA47" s="300" t="e">
        <v>#REF!</v>
      </c>
    </row>
    <row r="48" spans="1:79" s="294" customFormat="1" ht="12.9" customHeight="1" thickTop="1" thickBot="1" x14ac:dyDescent="0.2">
      <c r="A48" s="968" t="s">
        <v>247</v>
      </c>
      <c r="B48" s="969"/>
      <c r="C48" s="299">
        <v>364043</v>
      </c>
      <c r="D48" s="299">
        <v>5276164</v>
      </c>
      <c r="E48" s="299">
        <v>219550223191</v>
      </c>
      <c r="F48" s="299">
        <v>14626845</v>
      </c>
      <c r="G48" s="299">
        <v>22041530</v>
      </c>
      <c r="H48" s="299">
        <v>228240017684</v>
      </c>
      <c r="I48" s="299">
        <v>3466804</v>
      </c>
      <c r="J48" s="299">
        <v>6147906</v>
      </c>
      <c r="K48" s="299">
        <v>48010719568</v>
      </c>
      <c r="L48" s="299">
        <v>18457692</v>
      </c>
      <c r="M48" s="299">
        <v>33465600</v>
      </c>
      <c r="N48" s="298">
        <v>495800960443</v>
      </c>
      <c r="O48" s="968" t="s">
        <v>247</v>
      </c>
      <c r="P48" s="1001"/>
      <c r="Q48" s="297">
        <v>10902618</v>
      </c>
      <c r="R48" s="297">
        <v>12745346</v>
      </c>
      <c r="S48" s="297">
        <v>133662145613</v>
      </c>
      <c r="T48" s="297">
        <v>330637</v>
      </c>
      <c r="U48" s="297">
        <v>13280715</v>
      </c>
      <c r="V48" s="297">
        <v>9061204004</v>
      </c>
      <c r="W48" s="297">
        <v>80743</v>
      </c>
      <c r="X48" s="297">
        <v>548306</v>
      </c>
      <c r="Y48" s="297">
        <v>6295757570</v>
      </c>
      <c r="Z48" s="297">
        <v>29441053</v>
      </c>
      <c r="AA48" s="295">
        <v>644820067630</v>
      </c>
      <c r="AB48" s="968" t="s">
        <v>247</v>
      </c>
      <c r="AC48" s="1001"/>
      <c r="AD48" s="297">
        <v>3663</v>
      </c>
      <c r="AE48" s="297">
        <v>32899</v>
      </c>
      <c r="AF48" s="297">
        <v>596054105</v>
      </c>
      <c r="AG48" s="297">
        <v>13532</v>
      </c>
      <c r="AH48" s="297">
        <v>509405007</v>
      </c>
      <c r="AI48" s="297">
        <v>534296</v>
      </c>
      <c r="AJ48" s="297">
        <v>3956273595</v>
      </c>
      <c r="AK48" s="297">
        <v>51232</v>
      </c>
      <c r="AL48" s="297">
        <v>1644545164</v>
      </c>
      <c r="AM48" s="297">
        <v>34843</v>
      </c>
      <c r="AN48" s="297">
        <v>470258399</v>
      </c>
      <c r="AO48" s="297">
        <v>109</v>
      </c>
      <c r="AP48" s="297">
        <v>3072470</v>
      </c>
      <c r="AQ48" s="297">
        <v>666911</v>
      </c>
      <c r="AR48" s="297">
        <v>7179608740</v>
      </c>
      <c r="AS48" s="297">
        <v>581</v>
      </c>
      <c r="AT48" s="295">
        <v>40409792</v>
      </c>
      <c r="AU48" s="968" t="s">
        <v>247</v>
      </c>
      <c r="AV48" s="969"/>
      <c r="AW48" s="297">
        <v>41</v>
      </c>
      <c r="AX48" s="297">
        <v>7956803</v>
      </c>
      <c r="AY48" s="297">
        <v>30111668</v>
      </c>
      <c r="AZ48" s="297">
        <v>652007633173</v>
      </c>
      <c r="BA48" s="297">
        <v>477785441303</v>
      </c>
      <c r="BB48" s="297">
        <v>153921446353</v>
      </c>
      <c r="BC48" s="297">
        <v>20300745517</v>
      </c>
      <c r="BD48" s="297">
        <v>1311107</v>
      </c>
      <c r="BE48" s="297">
        <v>68008137671</v>
      </c>
      <c r="BF48" s="297">
        <v>2823</v>
      </c>
      <c r="BG48" s="295">
        <v>68744627</v>
      </c>
      <c r="BH48" s="968" t="s">
        <v>247</v>
      </c>
      <c r="BI48" s="969"/>
      <c r="BJ48" s="297">
        <v>6781</v>
      </c>
      <c r="BK48" s="297">
        <v>2717471006</v>
      </c>
      <c r="BL48" s="297">
        <v>10871</v>
      </c>
      <c r="BM48" s="297">
        <v>557270000</v>
      </c>
      <c r="BN48" s="297">
        <v>4195</v>
      </c>
      <c r="BO48" s="297">
        <v>305554399</v>
      </c>
      <c r="BP48" s="297">
        <v>30</v>
      </c>
      <c r="BQ48" s="297">
        <v>11446800</v>
      </c>
      <c r="BR48" s="297">
        <v>10769</v>
      </c>
      <c r="BS48" s="297">
        <v>324306711</v>
      </c>
      <c r="BT48" s="297">
        <v>32646</v>
      </c>
      <c r="BU48" s="295">
        <v>3916048916</v>
      </c>
      <c r="BV48" s="296">
        <v>30144314</v>
      </c>
      <c r="BW48" s="295">
        <v>655923682089</v>
      </c>
      <c r="CA48" s="300" t="e">
        <v>#REF!</v>
      </c>
    </row>
    <row r="49" spans="1:27" s="294" customFormat="1" ht="10.5" customHeight="1" x14ac:dyDescent="0.15">
      <c r="F49" s="512"/>
      <c r="G49" s="512"/>
      <c r="H49" s="512"/>
      <c r="I49" s="512"/>
      <c r="J49" s="512"/>
      <c r="K49" s="512"/>
      <c r="L49" s="512"/>
      <c r="M49" s="512"/>
      <c r="N49" s="512"/>
      <c r="O49" s="294" t="s">
        <v>246</v>
      </c>
      <c r="Q49" s="512"/>
      <c r="R49" s="512"/>
      <c r="S49" s="512"/>
      <c r="T49" s="512"/>
      <c r="U49" s="512"/>
      <c r="V49" s="512"/>
      <c r="W49" s="512"/>
      <c r="X49" s="512"/>
      <c r="Y49" s="512"/>
      <c r="Z49" s="512"/>
      <c r="AA49" s="512"/>
    </row>
    <row r="50" spans="1:27" s="293" customFormat="1" ht="10.8" x14ac:dyDescent="0.15">
      <c r="A50" s="592"/>
    </row>
    <row r="51" spans="1:27" s="293" customFormat="1" ht="10.8" x14ac:dyDescent="0.15"/>
    <row r="52" spans="1:27" s="293" customFormat="1" ht="10.8" x14ac:dyDescent="0.15"/>
  </sheetData>
  <mergeCells count="62">
    <mergeCell ref="O47:P47"/>
    <mergeCell ref="C5:E5"/>
    <mergeCell ref="F5:H5"/>
    <mergeCell ref="I5:K5"/>
    <mergeCell ref="A3:B6"/>
    <mergeCell ref="AI5:AJ5"/>
    <mergeCell ref="Q3:AA3"/>
    <mergeCell ref="T4:V5"/>
    <mergeCell ref="A48:B48"/>
    <mergeCell ref="A40:B40"/>
    <mergeCell ref="AB48:AC48"/>
    <mergeCell ref="A47:B47"/>
    <mergeCell ref="O48:P48"/>
    <mergeCell ref="AB40:AC40"/>
    <mergeCell ref="L5:N5"/>
    <mergeCell ref="O3:P6"/>
    <mergeCell ref="Q4:S5"/>
    <mergeCell ref="Z4:AA5"/>
    <mergeCell ref="AB47:AC47"/>
    <mergeCell ref="O40:P40"/>
    <mergeCell ref="AO5:AP5"/>
    <mergeCell ref="BH48:BI48"/>
    <mergeCell ref="BH40:BI40"/>
    <mergeCell ref="AU47:AV47"/>
    <mergeCell ref="AU48:AV48"/>
    <mergeCell ref="BH47:BI47"/>
    <mergeCell ref="AY3:AZ5"/>
    <mergeCell ref="AW3:AX3"/>
    <mergeCell ref="BF3:BG5"/>
    <mergeCell ref="AU40:AV40"/>
    <mergeCell ref="BV3:BW5"/>
    <mergeCell ref="AU3:AV6"/>
    <mergeCell ref="BC5:BC6"/>
    <mergeCell ref="AW4:AX5"/>
    <mergeCell ref="BW1:BW2"/>
    <mergeCell ref="BA5:BA6"/>
    <mergeCell ref="BD3:BE5"/>
    <mergeCell ref="BA3:BC4"/>
    <mergeCell ref="BB5:BB6"/>
    <mergeCell ref="BT5:BU5"/>
    <mergeCell ref="BR5:BS5"/>
    <mergeCell ref="BN5:BO5"/>
    <mergeCell ref="BJ3:BU4"/>
    <mergeCell ref="BJ5:BK5"/>
    <mergeCell ref="BP5:BQ5"/>
    <mergeCell ref="BL5:BM5"/>
    <mergeCell ref="N1:N2"/>
    <mergeCell ref="AA1:AA2"/>
    <mergeCell ref="AR1:AR2"/>
    <mergeCell ref="BG1:BG2"/>
    <mergeCell ref="BH3:BI6"/>
    <mergeCell ref="W4:Y5"/>
    <mergeCell ref="AG5:AH5"/>
    <mergeCell ref="AB3:AC6"/>
    <mergeCell ref="AM5:AN5"/>
    <mergeCell ref="AQ5:AR5"/>
    <mergeCell ref="AK5:AL5"/>
    <mergeCell ref="AD4:AD5"/>
    <mergeCell ref="AD3:AT3"/>
    <mergeCell ref="AE4:AT4"/>
    <mergeCell ref="AS5:AT5"/>
    <mergeCell ref="AE5:AF5"/>
  </mergeCells>
  <phoneticPr fontId="5"/>
  <printOptions verticalCentered="1"/>
  <pageMargins left="0.6692913385826772" right="0" top="0.59055118110236227" bottom="0.59055118110236227" header="0.39370078740157483" footer="0.51181102362204722"/>
  <pageSetup paperSize="9" scale="85" orientation="landscape" blackAndWhite="1" r:id="rId1"/>
  <headerFooter alignWithMargins="0"/>
  <colBreaks count="4" manualBreakCount="4">
    <brk id="14" max="48" man="1"/>
    <brk id="27" max="48" man="1"/>
    <brk id="46" max="1048575" man="1"/>
    <brk id="59" max="4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/>
  <dimension ref="A1:BD81"/>
  <sheetViews>
    <sheetView zoomScaleNormal="100" zoomScaleSheetLayoutView="100" workbookViewId="0">
      <pane ySplit="6" topLeftCell="A7" activePane="bottomLeft" state="frozen"/>
      <selection activeCell="D1" sqref="D1"/>
      <selection pane="bottomLeft"/>
    </sheetView>
  </sheetViews>
  <sheetFormatPr defaultColWidth="9" defaultRowHeight="10.5" customHeight="1" x14ac:dyDescent="0.15"/>
  <cols>
    <col min="1" max="1" width="3.6640625" style="476" customWidth="1"/>
    <col min="2" max="2" width="10" style="476" customWidth="1"/>
    <col min="3" max="4" width="9.33203125" style="476" customWidth="1"/>
    <col min="5" max="5" width="13.77734375" style="476" customWidth="1"/>
    <col min="6" max="7" width="9.33203125" style="476" customWidth="1"/>
    <col min="8" max="8" width="13.77734375" style="476" customWidth="1"/>
    <col min="9" max="9" width="9.44140625" style="476" customWidth="1"/>
    <col min="10" max="10" width="9.33203125" style="476" customWidth="1"/>
    <col min="11" max="11" width="13.77734375" style="476" customWidth="1"/>
    <col min="12" max="13" width="10" style="476" customWidth="1"/>
    <col min="14" max="14" width="15" style="476" customWidth="1"/>
    <col min="15" max="15" width="3.6640625" style="476" customWidth="1"/>
    <col min="16" max="16" width="10" style="476" customWidth="1"/>
    <col min="17" max="17" width="10.77734375" style="476" customWidth="1"/>
    <col min="18" max="18" width="11.33203125" style="476" customWidth="1"/>
    <col min="19" max="19" width="13.77734375" style="476" customWidth="1"/>
    <col min="20" max="20" width="10.77734375" style="476" customWidth="1"/>
    <col min="21" max="21" width="11.21875" style="476" customWidth="1"/>
    <col min="22" max="22" width="13.77734375" style="476" customWidth="1"/>
    <col min="23" max="23" width="10" style="476" customWidth="1"/>
    <col min="24" max="24" width="10.6640625" style="476" customWidth="1"/>
    <col min="25" max="25" width="13.77734375" style="476" customWidth="1"/>
    <col min="26" max="26" width="11.21875" style="476" customWidth="1"/>
    <col min="27" max="27" width="15.6640625" style="476" customWidth="1"/>
    <col min="28" max="28" width="3.6640625" style="476" customWidth="1"/>
    <col min="29" max="29" width="10" style="476" customWidth="1"/>
    <col min="30" max="30" width="6.6640625" style="476" customWidth="1"/>
    <col min="31" max="31" width="7.44140625" style="476" customWidth="1"/>
    <col min="32" max="32" width="11.21875" style="476" customWidth="1"/>
    <col min="33" max="33" width="6" style="476" customWidth="1"/>
    <col min="34" max="34" width="8.33203125" style="476" customWidth="1"/>
    <col min="35" max="35" width="4.77734375" style="476" customWidth="1"/>
    <col min="36" max="36" width="9.77734375" style="476" customWidth="1"/>
    <col min="37" max="37" width="8.6640625" style="476" customWidth="1"/>
    <col min="38" max="38" width="15.6640625" style="476" customWidth="1"/>
    <col min="39" max="40" width="16.109375" style="476" customWidth="1"/>
    <col min="41" max="41" width="13.21875" style="476" customWidth="1"/>
    <col min="42" max="42" width="9.6640625" style="476" customWidth="1"/>
    <col min="43" max="43" width="13.6640625" style="476" customWidth="1"/>
    <col min="44" max="46" width="9" style="476"/>
    <col min="47" max="47" width="0" style="476" hidden="1" customWidth="1"/>
    <col min="48" max="16384" width="9" style="476"/>
  </cols>
  <sheetData>
    <row r="1" spans="1:43" ht="15.75" customHeight="1" x14ac:dyDescent="0.2">
      <c r="A1" s="415" t="s">
        <v>539</v>
      </c>
      <c r="B1" s="722"/>
      <c r="D1" s="722"/>
      <c r="E1" s="722"/>
      <c r="F1" s="722"/>
      <c r="G1" s="722"/>
      <c r="H1" s="722"/>
      <c r="I1" s="722"/>
      <c r="J1" s="722"/>
      <c r="K1" s="722"/>
      <c r="L1" s="722"/>
      <c r="M1" s="722"/>
      <c r="N1" s="722"/>
      <c r="O1" s="415" t="s">
        <v>538</v>
      </c>
      <c r="P1" s="722"/>
      <c r="R1" s="722"/>
      <c r="S1" s="722"/>
      <c r="T1" s="722"/>
      <c r="U1" s="722"/>
      <c r="V1" s="722"/>
      <c r="W1" s="722"/>
      <c r="X1" s="722"/>
      <c r="Y1" s="722"/>
      <c r="Z1" s="722"/>
      <c r="AA1" s="722"/>
      <c r="AB1" s="415" t="s">
        <v>537</v>
      </c>
      <c r="AC1" s="722"/>
      <c r="AE1" s="722"/>
      <c r="AF1" s="722"/>
      <c r="AG1" s="722"/>
      <c r="AH1" s="722"/>
      <c r="AI1" s="722"/>
      <c r="AJ1" s="722"/>
      <c r="AK1" s="607"/>
      <c r="AL1" s="722"/>
      <c r="AN1" s="722"/>
      <c r="AO1" s="722"/>
      <c r="AP1" s="722"/>
      <c r="AQ1" s="575"/>
    </row>
    <row r="2" spans="1:43" ht="15" customHeight="1" thickBot="1" x14ac:dyDescent="0.2">
      <c r="A2" s="722"/>
      <c r="B2" s="722"/>
      <c r="D2" s="722"/>
      <c r="E2" s="722"/>
      <c r="F2" s="722"/>
      <c r="G2" s="722"/>
      <c r="H2" s="722"/>
      <c r="I2" s="722"/>
      <c r="J2" s="722"/>
      <c r="K2" s="722"/>
      <c r="L2" s="722"/>
      <c r="M2" s="722"/>
      <c r="N2" s="575" t="s">
        <v>314</v>
      </c>
      <c r="O2" s="722"/>
      <c r="P2" s="722"/>
      <c r="R2" s="722"/>
      <c r="S2" s="575"/>
      <c r="T2" s="722"/>
      <c r="U2" s="722"/>
      <c r="V2" s="722"/>
      <c r="W2" s="722"/>
      <c r="X2" s="722"/>
      <c r="Y2" s="722"/>
      <c r="Z2" s="722"/>
      <c r="AA2" s="575" t="s">
        <v>314</v>
      </c>
      <c r="AB2" s="722"/>
      <c r="AC2" s="722"/>
      <c r="AE2" s="722"/>
      <c r="AF2" s="722"/>
      <c r="AG2" s="722"/>
      <c r="AH2" s="722"/>
      <c r="AI2" s="722"/>
      <c r="AJ2" s="575"/>
      <c r="AK2" s="607"/>
      <c r="AL2" s="575"/>
      <c r="AN2" s="722"/>
      <c r="AO2" s="575"/>
      <c r="AP2" s="722"/>
      <c r="AQ2" s="575" t="s">
        <v>314</v>
      </c>
    </row>
    <row r="3" spans="1:43" s="506" customFormat="1" ht="11.25" customHeight="1" x14ac:dyDescent="0.15">
      <c r="A3" s="918" t="s">
        <v>237</v>
      </c>
      <c r="B3" s="992"/>
      <c r="C3" s="1037" t="s">
        <v>536</v>
      </c>
      <c r="D3" s="1038"/>
      <c r="E3" s="1038"/>
      <c r="F3" s="1038"/>
      <c r="G3" s="1038"/>
      <c r="H3" s="1038"/>
      <c r="I3" s="1038"/>
      <c r="J3" s="1038"/>
      <c r="K3" s="1038"/>
      <c r="L3" s="1038"/>
      <c r="M3" s="1038"/>
      <c r="N3" s="1039"/>
      <c r="O3" s="918" t="s">
        <v>237</v>
      </c>
      <c r="P3" s="919"/>
      <c r="Q3" s="1037" t="s">
        <v>369</v>
      </c>
      <c r="R3" s="1038"/>
      <c r="S3" s="1038"/>
      <c r="T3" s="1038"/>
      <c r="U3" s="1038"/>
      <c r="V3" s="1038"/>
      <c r="W3" s="1038"/>
      <c r="X3" s="1038"/>
      <c r="Y3" s="1038"/>
      <c r="Z3" s="1038"/>
      <c r="AA3" s="1039"/>
      <c r="AB3" s="918" t="s">
        <v>237</v>
      </c>
      <c r="AC3" s="1042"/>
      <c r="AD3" s="1035" t="s">
        <v>535</v>
      </c>
      <c r="AE3" s="1036"/>
      <c r="AF3" s="1036"/>
      <c r="AG3" s="1036"/>
      <c r="AH3" s="1036"/>
      <c r="AI3" s="1036"/>
      <c r="AJ3" s="1036"/>
      <c r="AK3" s="1029" t="s">
        <v>534</v>
      </c>
      <c r="AL3" s="1030"/>
      <c r="AM3" s="936" t="s">
        <v>308</v>
      </c>
      <c r="AN3" s="936"/>
      <c r="AO3" s="936"/>
      <c r="AP3" s="745"/>
      <c r="AQ3" s="604"/>
    </row>
    <row r="4" spans="1:43" s="506" customFormat="1" ht="11.25" customHeight="1" x14ac:dyDescent="0.15">
      <c r="A4" s="920"/>
      <c r="B4" s="993"/>
      <c r="C4" s="713" t="s">
        <v>303</v>
      </c>
      <c r="D4" s="712"/>
      <c r="E4" s="712"/>
      <c r="F4" s="712"/>
      <c r="G4" s="712"/>
      <c r="H4" s="721"/>
      <c r="I4" s="712"/>
      <c r="J4" s="712"/>
      <c r="K4" s="712"/>
      <c r="L4" s="712"/>
      <c r="M4" s="712"/>
      <c r="N4" s="720"/>
      <c r="O4" s="920"/>
      <c r="P4" s="921"/>
      <c r="Q4" s="999" t="s">
        <v>302</v>
      </c>
      <c r="R4" s="925"/>
      <c r="S4" s="1040"/>
      <c r="T4" s="925" t="s">
        <v>364</v>
      </c>
      <c r="U4" s="925"/>
      <c r="V4" s="926"/>
      <c r="W4" s="924" t="s">
        <v>533</v>
      </c>
      <c r="X4" s="925"/>
      <c r="Y4" s="926"/>
      <c r="Z4" s="924" t="s">
        <v>532</v>
      </c>
      <c r="AA4" s="1013"/>
      <c r="AB4" s="920"/>
      <c r="AC4" s="1043"/>
      <c r="AD4" s="1016" t="s">
        <v>531</v>
      </c>
      <c r="AE4" s="1018" t="s">
        <v>478</v>
      </c>
      <c r="AF4" s="1019"/>
      <c r="AG4" s="1020" t="s">
        <v>345</v>
      </c>
      <c r="AH4" s="1022"/>
      <c r="AI4" s="1020" t="s">
        <v>477</v>
      </c>
      <c r="AJ4" s="1021"/>
      <c r="AK4" s="1031"/>
      <c r="AL4" s="1032"/>
      <c r="AM4" s="962"/>
      <c r="AN4" s="962"/>
      <c r="AO4" s="962"/>
      <c r="AP4" s="746" t="s">
        <v>530</v>
      </c>
      <c r="AQ4" s="718"/>
    </row>
    <row r="5" spans="1:43" s="637" customFormat="1" ht="11.25" customHeight="1" x14ac:dyDescent="0.2">
      <c r="A5" s="920"/>
      <c r="B5" s="993"/>
      <c r="C5" s="984" t="s">
        <v>529</v>
      </c>
      <c r="D5" s="1003"/>
      <c r="E5" s="985"/>
      <c r="F5" s="984" t="s">
        <v>528</v>
      </c>
      <c r="G5" s="1003"/>
      <c r="H5" s="1015"/>
      <c r="I5" s="990" t="s">
        <v>527</v>
      </c>
      <c r="J5" s="1003"/>
      <c r="K5" s="985"/>
      <c r="L5" s="984" t="s">
        <v>526</v>
      </c>
      <c r="M5" s="1003"/>
      <c r="N5" s="1004"/>
      <c r="O5" s="920"/>
      <c r="P5" s="921"/>
      <c r="Q5" s="1000"/>
      <c r="R5" s="928"/>
      <c r="S5" s="1041"/>
      <c r="T5" s="928"/>
      <c r="U5" s="928"/>
      <c r="V5" s="929"/>
      <c r="W5" s="927"/>
      <c r="X5" s="928"/>
      <c r="Y5" s="929"/>
      <c r="Z5" s="927"/>
      <c r="AA5" s="1014"/>
      <c r="AB5" s="920"/>
      <c r="AC5" s="1043"/>
      <c r="AD5" s="1017"/>
      <c r="AE5" s="956"/>
      <c r="AF5" s="957"/>
      <c r="AG5" s="1023"/>
      <c r="AH5" s="1024"/>
      <c r="AI5" s="961"/>
      <c r="AJ5" s="962"/>
      <c r="AK5" s="1033"/>
      <c r="AL5" s="1034"/>
      <c r="AM5" s="926" t="s">
        <v>284</v>
      </c>
      <c r="AN5" s="1027" t="s">
        <v>525</v>
      </c>
      <c r="AO5" s="1025" t="s">
        <v>524</v>
      </c>
      <c r="AP5" s="747"/>
      <c r="AQ5" s="611"/>
    </row>
    <row r="6" spans="1:43" s="637" customFormat="1" ht="11.25" customHeight="1" thickBot="1" x14ac:dyDescent="0.25">
      <c r="A6" s="922"/>
      <c r="B6" s="994"/>
      <c r="C6" s="403" t="s">
        <v>268</v>
      </c>
      <c r="D6" s="623" t="s">
        <v>274</v>
      </c>
      <c r="E6" s="402" t="s">
        <v>267</v>
      </c>
      <c r="F6" s="403" t="s">
        <v>268</v>
      </c>
      <c r="G6" s="623" t="s">
        <v>274</v>
      </c>
      <c r="H6" s="588" t="s">
        <v>267</v>
      </c>
      <c r="I6" s="408" t="s">
        <v>268</v>
      </c>
      <c r="J6" s="623" t="s">
        <v>274</v>
      </c>
      <c r="K6" s="402" t="s">
        <v>267</v>
      </c>
      <c r="L6" s="403" t="s">
        <v>268</v>
      </c>
      <c r="M6" s="623" t="s">
        <v>274</v>
      </c>
      <c r="N6" s="399" t="s">
        <v>267</v>
      </c>
      <c r="O6" s="922"/>
      <c r="P6" s="923"/>
      <c r="Q6" s="408" t="s">
        <v>268</v>
      </c>
      <c r="R6" s="403" t="s">
        <v>276</v>
      </c>
      <c r="S6" s="588" t="s">
        <v>267</v>
      </c>
      <c r="T6" s="748" t="s">
        <v>268</v>
      </c>
      <c r="U6" s="623" t="s">
        <v>274</v>
      </c>
      <c r="V6" s="403" t="s">
        <v>267</v>
      </c>
      <c r="W6" s="403" t="s">
        <v>268</v>
      </c>
      <c r="X6" s="623" t="s">
        <v>274</v>
      </c>
      <c r="Y6" s="402" t="s">
        <v>267</v>
      </c>
      <c r="Z6" s="403" t="s">
        <v>469</v>
      </c>
      <c r="AA6" s="401" t="s">
        <v>267</v>
      </c>
      <c r="AB6" s="922"/>
      <c r="AC6" s="958"/>
      <c r="AD6" s="710" t="s">
        <v>468</v>
      </c>
      <c r="AE6" s="403" t="s">
        <v>469</v>
      </c>
      <c r="AF6" s="403" t="s">
        <v>269</v>
      </c>
      <c r="AG6" s="403" t="s">
        <v>338</v>
      </c>
      <c r="AH6" s="403" t="s">
        <v>337</v>
      </c>
      <c r="AI6" s="403" t="s">
        <v>469</v>
      </c>
      <c r="AJ6" s="402" t="s">
        <v>269</v>
      </c>
      <c r="AK6" s="403" t="s">
        <v>469</v>
      </c>
      <c r="AL6" s="403" t="s">
        <v>269</v>
      </c>
      <c r="AM6" s="958"/>
      <c r="AN6" s="1028"/>
      <c r="AO6" s="1026"/>
      <c r="AP6" s="411" t="s">
        <v>268</v>
      </c>
      <c r="AQ6" s="401" t="s">
        <v>270</v>
      </c>
    </row>
    <row r="7" spans="1:43" s="506" customFormat="1" ht="12.75" customHeight="1" thickTop="1" x14ac:dyDescent="0.15">
      <c r="A7" s="332">
        <v>1</v>
      </c>
      <c r="B7" s="697" t="s">
        <v>466</v>
      </c>
      <c r="C7" s="736">
        <v>77681</v>
      </c>
      <c r="D7" s="736">
        <v>991975</v>
      </c>
      <c r="E7" s="736">
        <v>51311316110</v>
      </c>
      <c r="F7" s="736">
        <v>3296276</v>
      </c>
      <c r="G7" s="736">
        <v>5083651</v>
      </c>
      <c r="H7" s="736">
        <v>53083925272</v>
      </c>
      <c r="I7" s="736">
        <v>688074</v>
      </c>
      <c r="J7" s="736">
        <v>1225711</v>
      </c>
      <c r="K7" s="736">
        <v>9539860560</v>
      </c>
      <c r="L7" s="736">
        <v>4062031</v>
      </c>
      <c r="M7" s="736">
        <v>7301337</v>
      </c>
      <c r="N7" s="735">
        <v>113935101942</v>
      </c>
      <c r="O7" s="332">
        <v>1</v>
      </c>
      <c r="P7" s="697" t="s">
        <v>466</v>
      </c>
      <c r="Q7" s="736">
        <v>2488607</v>
      </c>
      <c r="R7" s="736">
        <v>2877284</v>
      </c>
      <c r="S7" s="736">
        <v>30481335840</v>
      </c>
      <c r="T7" s="736">
        <v>70858</v>
      </c>
      <c r="U7" s="736">
        <v>2477784</v>
      </c>
      <c r="V7" s="736">
        <v>1667363989</v>
      </c>
      <c r="W7" s="736">
        <v>12533</v>
      </c>
      <c r="X7" s="736">
        <v>101255</v>
      </c>
      <c r="Y7" s="736">
        <v>1202865130</v>
      </c>
      <c r="Z7" s="736">
        <v>6563171</v>
      </c>
      <c r="AA7" s="735">
        <v>147286666901</v>
      </c>
      <c r="AB7" s="332">
        <v>1</v>
      </c>
      <c r="AC7" s="697" t="s">
        <v>466</v>
      </c>
      <c r="AD7" s="456">
        <v>653</v>
      </c>
      <c r="AE7" s="456">
        <v>119560</v>
      </c>
      <c r="AF7" s="456">
        <v>1407980865</v>
      </c>
      <c r="AG7" s="456">
        <v>82</v>
      </c>
      <c r="AH7" s="456">
        <v>5055432</v>
      </c>
      <c r="AI7" s="456">
        <v>3</v>
      </c>
      <c r="AJ7" s="456">
        <v>69910</v>
      </c>
      <c r="AK7" s="744">
        <v>6683387</v>
      </c>
      <c r="AL7" s="724">
        <v>148694717676</v>
      </c>
      <c r="AM7" s="742">
        <v>112244934445</v>
      </c>
      <c r="AN7" s="456">
        <v>34452433709</v>
      </c>
      <c r="AO7" s="456">
        <v>1997349522</v>
      </c>
      <c r="AP7" s="725">
        <v>431617</v>
      </c>
      <c r="AQ7" s="459">
        <v>15267242355</v>
      </c>
    </row>
    <row r="8" spans="1:43" s="506" customFormat="1" ht="12.75" customHeight="1" x14ac:dyDescent="0.15">
      <c r="A8" s="332">
        <v>2</v>
      </c>
      <c r="B8" s="697" t="s">
        <v>523</v>
      </c>
      <c r="C8" s="330">
        <v>28568</v>
      </c>
      <c r="D8" s="330">
        <v>374757</v>
      </c>
      <c r="E8" s="330">
        <v>18687198578</v>
      </c>
      <c r="F8" s="330">
        <v>1065644</v>
      </c>
      <c r="G8" s="330">
        <v>1683718</v>
      </c>
      <c r="H8" s="330">
        <v>17852188284</v>
      </c>
      <c r="I8" s="330">
        <v>222506</v>
      </c>
      <c r="J8" s="330">
        <v>396929</v>
      </c>
      <c r="K8" s="330">
        <v>3067581110</v>
      </c>
      <c r="L8" s="330">
        <v>1316718</v>
      </c>
      <c r="M8" s="330">
        <v>2455404</v>
      </c>
      <c r="N8" s="329">
        <v>39606967972</v>
      </c>
      <c r="O8" s="332">
        <v>2</v>
      </c>
      <c r="P8" s="697" t="s">
        <v>523</v>
      </c>
      <c r="Q8" s="330">
        <v>820666</v>
      </c>
      <c r="R8" s="330">
        <v>965237</v>
      </c>
      <c r="S8" s="330">
        <v>10400381899</v>
      </c>
      <c r="T8" s="330">
        <v>26034</v>
      </c>
      <c r="U8" s="330">
        <v>943360</v>
      </c>
      <c r="V8" s="330">
        <v>633373240</v>
      </c>
      <c r="W8" s="330">
        <v>4072</v>
      </c>
      <c r="X8" s="330">
        <v>34902</v>
      </c>
      <c r="Y8" s="330">
        <v>410741040</v>
      </c>
      <c r="Z8" s="330">
        <v>2141456</v>
      </c>
      <c r="AA8" s="329">
        <v>51051464151</v>
      </c>
      <c r="AB8" s="332">
        <v>2</v>
      </c>
      <c r="AC8" s="697" t="s">
        <v>523</v>
      </c>
      <c r="AD8" s="456">
        <v>652</v>
      </c>
      <c r="AE8" s="456">
        <v>43468</v>
      </c>
      <c r="AF8" s="456">
        <v>549535064</v>
      </c>
      <c r="AG8" s="456">
        <v>35</v>
      </c>
      <c r="AH8" s="456">
        <v>1359505</v>
      </c>
      <c r="AI8" s="456">
        <v>5</v>
      </c>
      <c r="AJ8" s="456">
        <v>254459</v>
      </c>
      <c r="AK8" s="725">
        <v>2185581</v>
      </c>
      <c r="AL8" s="724">
        <v>51601253674</v>
      </c>
      <c r="AM8" s="742">
        <v>38814466339</v>
      </c>
      <c r="AN8" s="456">
        <v>11878960506</v>
      </c>
      <c r="AO8" s="456">
        <v>907826829</v>
      </c>
      <c r="AP8" s="725">
        <v>146947</v>
      </c>
      <c r="AQ8" s="459">
        <v>5500472584</v>
      </c>
    </row>
    <row r="9" spans="1:43" s="506" customFormat="1" ht="12.75" customHeight="1" x14ac:dyDescent="0.15">
      <c r="A9" s="332">
        <v>3</v>
      </c>
      <c r="B9" s="697" t="s">
        <v>522</v>
      </c>
      <c r="C9" s="330">
        <v>11537</v>
      </c>
      <c r="D9" s="330">
        <v>141230</v>
      </c>
      <c r="E9" s="330">
        <v>7460540010</v>
      </c>
      <c r="F9" s="330">
        <v>494338</v>
      </c>
      <c r="G9" s="330">
        <v>765655</v>
      </c>
      <c r="H9" s="330">
        <v>7802879790</v>
      </c>
      <c r="I9" s="330">
        <v>100571</v>
      </c>
      <c r="J9" s="330">
        <v>176451</v>
      </c>
      <c r="K9" s="330">
        <v>1358433490</v>
      </c>
      <c r="L9" s="330">
        <v>606446</v>
      </c>
      <c r="M9" s="330">
        <v>1083336</v>
      </c>
      <c r="N9" s="329">
        <v>16621853290</v>
      </c>
      <c r="O9" s="332">
        <v>3</v>
      </c>
      <c r="P9" s="697" t="s">
        <v>522</v>
      </c>
      <c r="Q9" s="330">
        <v>391875</v>
      </c>
      <c r="R9" s="330">
        <v>453429</v>
      </c>
      <c r="S9" s="330">
        <v>4743597530</v>
      </c>
      <c r="T9" s="330">
        <v>10400</v>
      </c>
      <c r="U9" s="330">
        <v>349142</v>
      </c>
      <c r="V9" s="330">
        <v>236978720</v>
      </c>
      <c r="W9" s="330">
        <v>1201</v>
      </c>
      <c r="X9" s="330">
        <v>8056</v>
      </c>
      <c r="Y9" s="330">
        <v>101135020</v>
      </c>
      <c r="Z9" s="330">
        <v>999522</v>
      </c>
      <c r="AA9" s="329">
        <v>21703564560</v>
      </c>
      <c r="AB9" s="332">
        <v>3</v>
      </c>
      <c r="AC9" s="697" t="s">
        <v>522</v>
      </c>
      <c r="AD9" s="456">
        <v>23</v>
      </c>
      <c r="AE9" s="456">
        <v>15555</v>
      </c>
      <c r="AF9" s="456">
        <v>175620724</v>
      </c>
      <c r="AG9" s="456">
        <v>3</v>
      </c>
      <c r="AH9" s="456">
        <v>27966</v>
      </c>
      <c r="AI9" s="456">
        <v>1</v>
      </c>
      <c r="AJ9" s="456">
        <v>29210</v>
      </c>
      <c r="AK9" s="725">
        <v>1015101</v>
      </c>
      <c r="AL9" s="724">
        <v>21879214494</v>
      </c>
      <c r="AM9" s="742">
        <v>16565377247</v>
      </c>
      <c r="AN9" s="456">
        <v>5017566697</v>
      </c>
      <c r="AO9" s="456">
        <v>296270550</v>
      </c>
      <c r="AP9" s="725">
        <v>57075</v>
      </c>
      <c r="AQ9" s="459">
        <v>2264866122</v>
      </c>
    </row>
    <row r="10" spans="1:43" s="506" customFormat="1" ht="12.75" customHeight="1" x14ac:dyDescent="0.15">
      <c r="A10" s="332">
        <v>4</v>
      </c>
      <c r="B10" s="697" t="s">
        <v>521</v>
      </c>
      <c r="C10" s="330">
        <v>6554</v>
      </c>
      <c r="D10" s="330">
        <v>94714</v>
      </c>
      <c r="E10" s="330">
        <v>4241014857</v>
      </c>
      <c r="F10" s="330">
        <v>270086</v>
      </c>
      <c r="G10" s="330">
        <v>410567</v>
      </c>
      <c r="H10" s="330">
        <v>4342503323</v>
      </c>
      <c r="I10" s="330">
        <v>57245</v>
      </c>
      <c r="J10" s="330">
        <v>105011</v>
      </c>
      <c r="K10" s="330">
        <v>790450370</v>
      </c>
      <c r="L10" s="330">
        <v>333885</v>
      </c>
      <c r="M10" s="330">
        <v>610292</v>
      </c>
      <c r="N10" s="329">
        <v>9373968550</v>
      </c>
      <c r="O10" s="332">
        <v>4</v>
      </c>
      <c r="P10" s="697" t="s">
        <v>521</v>
      </c>
      <c r="Q10" s="330">
        <v>208892</v>
      </c>
      <c r="R10" s="330">
        <v>238372</v>
      </c>
      <c r="S10" s="330">
        <v>2585163520</v>
      </c>
      <c r="T10" s="330">
        <v>6069</v>
      </c>
      <c r="U10" s="330">
        <v>231228</v>
      </c>
      <c r="V10" s="330">
        <v>155038053</v>
      </c>
      <c r="W10" s="330">
        <v>1031</v>
      </c>
      <c r="X10" s="330">
        <v>9141</v>
      </c>
      <c r="Y10" s="330">
        <v>121836420</v>
      </c>
      <c r="Z10" s="330">
        <v>543808</v>
      </c>
      <c r="AA10" s="329">
        <v>12236006543</v>
      </c>
      <c r="AB10" s="332">
        <v>4</v>
      </c>
      <c r="AC10" s="697" t="s">
        <v>521</v>
      </c>
      <c r="AD10" s="456">
        <v>18</v>
      </c>
      <c r="AE10" s="456">
        <v>8794</v>
      </c>
      <c r="AF10" s="456">
        <v>117623227</v>
      </c>
      <c r="AG10" s="456">
        <v>3</v>
      </c>
      <c r="AH10" s="456">
        <v>1086258</v>
      </c>
      <c r="AI10" s="456">
        <v>0</v>
      </c>
      <c r="AJ10" s="456">
        <v>0</v>
      </c>
      <c r="AK10" s="725">
        <v>552620</v>
      </c>
      <c r="AL10" s="724">
        <v>12353629770</v>
      </c>
      <c r="AM10" s="742">
        <v>9318444453</v>
      </c>
      <c r="AN10" s="456">
        <v>2784613874</v>
      </c>
      <c r="AO10" s="456">
        <v>250571443</v>
      </c>
      <c r="AP10" s="725">
        <v>25466</v>
      </c>
      <c r="AQ10" s="459">
        <v>1224668966</v>
      </c>
    </row>
    <row r="11" spans="1:43" s="506" customFormat="1" ht="12.75" customHeight="1" x14ac:dyDescent="0.15">
      <c r="A11" s="332">
        <v>5</v>
      </c>
      <c r="B11" s="697" t="s">
        <v>461</v>
      </c>
      <c r="C11" s="330">
        <v>4299</v>
      </c>
      <c r="D11" s="330">
        <v>51781</v>
      </c>
      <c r="E11" s="330">
        <v>2474771390</v>
      </c>
      <c r="F11" s="330">
        <v>174433</v>
      </c>
      <c r="G11" s="330">
        <v>253934</v>
      </c>
      <c r="H11" s="330">
        <v>2789506880</v>
      </c>
      <c r="I11" s="330">
        <v>39586</v>
      </c>
      <c r="J11" s="330">
        <v>67747</v>
      </c>
      <c r="K11" s="330">
        <v>530082480</v>
      </c>
      <c r="L11" s="330">
        <v>218318</v>
      </c>
      <c r="M11" s="330">
        <v>373462</v>
      </c>
      <c r="N11" s="329">
        <v>5794360750</v>
      </c>
      <c r="O11" s="332">
        <v>5</v>
      </c>
      <c r="P11" s="697" t="s">
        <v>461</v>
      </c>
      <c r="Q11" s="330">
        <v>130713</v>
      </c>
      <c r="R11" s="330">
        <v>149865</v>
      </c>
      <c r="S11" s="330">
        <v>1586455760</v>
      </c>
      <c r="T11" s="330">
        <v>3679</v>
      </c>
      <c r="U11" s="330">
        <v>134553</v>
      </c>
      <c r="V11" s="330">
        <v>89864806</v>
      </c>
      <c r="W11" s="330">
        <v>572</v>
      </c>
      <c r="X11" s="330">
        <v>3904</v>
      </c>
      <c r="Y11" s="330">
        <v>43649700</v>
      </c>
      <c r="Z11" s="330">
        <v>349603</v>
      </c>
      <c r="AA11" s="329">
        <v>7514331016</v>
      </c>
      <c r="AB11" s="332">
        <v>5</v>
      </c>
      <c r="AC11" s="697" t="s">
        <v>461</v>
      </c>
      <c r="AD11" s="456">
        <v>1</v>
      </c>
      <c r="AE11" s="456">
        <v>4900</v>
      </c>
      <c r="AF11" s="456">
        <v>61151847</v>
      </c>
      <c r="AG11" s="456">
        <v>1</v>
      </c>
      <c r="AH11" s="456">
        <v>4557</v>
      </c>
      <c r="AI11" s="456">
        <v>1</v>
      </c>
      <c r="AJ11" s="456">
        <v>19320</v>
      </c>
      <c r="AK11" s="725">
        <v>354505</v>
      </c>
      <c r="AL11" s="724">
        <v>7575502183</v>
      </c>
      <c r="AM11" s="742">
        <v>5718281405</v>
      </c>
      <c r="AN11" s="456">
        <v>1745085456</v>
      </c>
      <c r="AO11" s="456">
        <v>112135322</v>
      </c>
      <c r="AP11" s="725">
        <v>15338</v>
      </c>
      <c r="AQ11" s="459">
        <v>714389059</v>
      </c>
    </row>
    <row r="12" spans="1:43" s="506" customFormat="1" ht="12.75" customHeight="1" x14ac:dyDescent="0.15">
      <c r="A12" s="332">
        <v>6</v>
      </c>
      <c r="B12" s="697" t="s">
        <v>459</v>
      </c>
      <c r="C12" s="330">
        <v>8843</v>
      </c>
      <c r="D12" s="330">
        <v>118042</v>
      </c>
      <c r="E12" s="330">
        <v>5557621367</v>
      </c>
      <c r="F12" s="330">
        <v>399677</v>
      </c>
      <c r="G12" s="330">
        <v>602619</v>
      </c>
      <c r="H12" s="330">
        <v>6400829785</v>
      </c>
      <c r="I12" s="330">
        <v>87094</v>
      </c>
      <c r="J12" s="330">
        <v>149753</v>
      </c>
      <c r="K12" s="330">
        <v>1153384130</v>
      </c>
      <c r="L12" s="330">
        <v>495614</v>
      </c>
      <c r="M12" s="330">
        <v>870414</v>
      </c>
      <c r="N12" s="329">
        <v>13111835282</v>
      </c>
      <c r="O12" s="332">
        <v>6</v>
      </c>
      <c r="P12" s="697" t="s">
        <v>459</v>
      </c>
      <c r="Q12" s="330">
        <v>299339</v>
      </c>
      <c r="R12" s="330">
        <v>341473</v>
      </c>
      <c r="S12" s="330">
        <v>3547922468</v>
      </c>
      <c r="T12" s="330">
        <v>8109</v>
      </c>
      <c r="U12" s="330">
        <v>301371</v>
      </c>
      <c r="V12" s="330">
        <v>201986811</v>
      </c>
      <c r="W12" s="330">
        <v>1506</v>
      </c>
      <c r="X12" s="330">
        <v>11578</v>
      </c>
      <c r="Y12" s="330">
        <v>148673670</v>
      </c>
      <c r="Z12" s="330">
        <v>796459</v>
      </c>
      <c r="AA12" s="329">
        <v>17010418231</v>
      </c>
      <c r="AB12" s="332">
        <v>6</v>
      </c>
      <c r="AC12" s="697" t="s">
        <v>459</v>
      </c>
      <c r="AD12" s="456">
        <v>3</v>
      </c>
      <c r="AE12" s="456">
        <v>14174</v>
      </c>
      <c r="AF12" s="456">
        <v>157185803</v>
      </c>
      <c r="AG12" s="456">
        <v>9</v>
      </c>
      <c r="AH12" s="456">
        <v>165834</v>
      </c>
      <c r="AI12" s="456">
        <v>0</v>
      </c>
      <c r="AJ12" s="456">
        <v>0</v>
      </c>
      <c r="AK12" s="725">
        <v>810636</v>
      </c>
      <c r="AL12" s="724">
        <v>17167604034</v>
      </c>
      <c r="AM12" s="742">
        <v>12948507755</v>
      </c>
      <c r="AN12" s="456">
        <v>3833982224</v>
      </c>
      <c r="AO12" s="456">
        <v>385114055</v>
      </c>
      <c r="AP12" s="725">
        <v>37476</v>
      </c>
      <c r="AQ12" s="459">
        <v>1672134352</v>
      </c>
    </row>
    <row r="13" spans="1:43" s="506" customFormat="1" ht="12.75" customHeight="1" x14ac:dyDescent="0.15">
      <c r="A13" s="332">
        <v>7</v>
      </c>
      <c r="B13" s="697" t="s">
        <v>520</v>
      </c>
      <c r="C13" s="330">
        <v>5782</v>
      </c>
      <c r="D13" s="330">
        <v>89231</v>
      </c>
      <c r="E13" s="330">
        <v>3498044012</v>
      </c>
      <c r="F13" s="330">
        <v>212022</v>
      </c>
      <c r="G13" s="330">
        <v>326983</v>
      </c>
      <c r="H13" s="330">
        <v>3542000891</v>
      </c>
      <c r="I13" s="330">
        <v>44220</v>
      </c>
      <c r="J13" s="330">
        <v>79554</v>
      </c>
      <c r="K13" s="330">
        <v>641445510</v>
      </c>
      <c r="L13" s="330">
        <v>262024</v>
      </c>
      <c r="M13" s="330">
        <v>495768</v>
      </c>
      <c r="N13" s="329">
        <v>7681490413</v>
      </c>
      <c r="O13" s="332">
        <v>7</v>
      </c>
      <c r="P13" s="697" t="s">
        <v>520</v>
      </c>
      <c r="Q13" s="330">
        <v>156891</v>
      </c>
      <c r="R13" s="330">
        <v>181436</v>
      </c>
      <c r="S13" s="330">
        <v>1892656620</v>
      </c>
      <c r="T13" s="330">
        <v>5433</v>
      </c>
      <c r="U13" s="330">
        <v>238868</v>
      </c>
      <c r="V13" s="330">
        <v>159387483</v>
      </c>
      <c r="W13" s="330">
        <v>639</v>
      </c>
      <c r="X13" s="330">
        <v>5053</v>
      </c>
      <c r="Y13" s="330">
        <v>66887980</v>
      </c>
      <c r="Z13" s="330">
        <v>419554</v>
      </c>
      <c r="AA13" s="329">
        <v>9800422496</v>
      </c>
      <c r="AB13" s="332">
        <v>7</v>
      </c>
      <c r="AC13" s="697" t="s">
        <v>457</v>
      </c>
      <c r="AD13" s="456">
        <v>55</v>
      </c>
      <c r="AE13" s="456">
        <v>6839</v>
      </c>
      <c r="AF13" s="456">
        <v>73172870</v>
      </c>
      <c r="AG13" s="456">
        <v>2</v>
      </c>
      <c r="AH13" s="456">
        <v>29144</v>
      </c>
      <c r="AI13" s="456">
        <v>0</v>
      </c>
      <c r="AJ13" s="456">
        <v>0</v>
      </c>
      <c r="AK13" s="725">
        <v>426448</v>
      </c>
      <c r="AL13" s="724">
        <v>9873595366</v>
      </c>
      <c r="AM13" s="742">
        <v>7442651867</v>
      </c>
      <c r="AN13" s="456">
        <v>2295982495</v>
      </c>
      <c r="AO13" s="456">
        <v>134961004</v>
      </c>
      <c r="AP13" s="725">
        <v>27433</v>
      </c>
      <c r="AQ13" s="459">
        <v>1031310034</v>
      </c>
    </row>
    <row r="14" spans="1:43" s="506" customFormat="1" ht="12.75" customHeight="1" x14ac:dyDescent="0.15">
      <c r="A14" s="332">
        <v>8</v>
      </c>
      <c r="B14" s="697" t="s">
        <v>519</v>
      </c>
      <c r="C14" s="330">
        <v>5577</v>
      </c>
      <c r="D14" s="330">
        <v>70135</v>
      </c>
      <c r="E14" s="330">
        <v>3459761269</v>
      </c>
      <c r="F14" s="330">
        <v>234480</v>
      </c>
      <c r="G14" s="330">
        <v>347267</v>
      </c>
      <c r="H14" s="330">
        <v>3717243501</v>
      </c>
      <c r="I14" s="330">
        <v>50880</v>
      </c>
      <c r="J14" s="330">
        <v>88982</v>
      </c>
      <c r="K14" s="330">
        <v>688489510</v>
      </c>
      <c r="L14" s="330">
        <v>290937</v>
      </c>
      <c r="M14" s="330">
        <v>506384</v>
      </c>
      <c r="N14" s="329">
        <v>7865494280</v>
      </c>
      <c r="O14" s="332">
        <v>8</v>
      </c>
      <c r="P14" s="697" t="s">
        <v>519</v>
      </c>
      <c r="Q14" s="330">
        <v>185262</v>
      </c>
      <c r="R14" s="330">
        <v>210702</v>
      </c>
      <c r="S14" s="330">
        <v>2282293980</v>
      </c>
      <c r="T14" s="330">
        <v>5015</v>
      </c>
      <c r="U14" s="330">
        <v>166668</v>
      </c>
      <c r="V14" s="330">
        <v>112705372</v>
      </c>
      <c r="W14" s="330">
        <v>700</v>
      </c>
      <c r="X14" s="330">
        <v>4434</v>
      </c>
      <c r="Y14" s="330">
        <v>54735050</v>
      </c>
      <c r="Z14" s="330">
        <v>476899</v>
      </c>
      <c r="AA14" s="329">
        <v>10315228682</v>
      </c>
      <c r="AB14" s="332">
        <v>8</v>
      </c>
      <c r="AC14" s="697" t="s">
        <v>519</v>
      </c>
      <c r="AD14" s="456">
        <v>0</v>
      </c>
      <c r="AE14" s="456">
        <v>9983</v>
      </c>
      <c r="AF14" s="456">
        <v>105202002</v>
      </c>
      <c r="AG14" s="456">
        <v>0</v>
      </c>
      <c r="AH14" s="456">
        <v>0</v>
      </c>
      <c r="AI14" s="456">
        <v>0</v>
      </c>
      <c r="AJ14" s="456">
        <v>0</v>
      </c>
      <c r="AK14" s="725">
        <v>486882</v>
      </c>
      <c r="AL14" s="724">
        <v>10420430684</v>
      </c>
      <c r="AM14" s="742">
        <v>7879866126</v>
      </c>
      <c r="AN14" s="456">
        <v>2400787075</v>
      </c>
      <c r="AO14" s="456">
        <v>139777483</v>
      </c>
      <c r="AP14" s="725">
        <v>17359</v>
      </c>
      <c r="AQ14" s="459">
        <v>1002569532</v>
      </c>
    </row>
    <row r="15" spans="1:43" s="506" customFormat="1" ht="12.75" customHeight="1" x14ac:dyDescent="0.15">
      <c r="A15" s="332">
        <v>9</v>
      </c>
      <c r="B15" s="697" t="s">
        <v>454</v>
      </c>
      <c r="C15" s="330">
        <v>1458</v>
      </c>
      <c r="D15" s="330">
        <v>19393</v>
      </c>
      <c r="E15" s="330">
        <v>972191283</v>
      </c>
      <c r="F15" s="330">
        <v>64138</v>
      </c>
      <c r="G15" s="330">
        <v>97876</v>
      </c>
      <c r="H15" s="330">
        <v>1048154280</v>
      </c>
      <c r="I15" s="330">
        <v>14155</v>
      </c>
      <c r="J15" s="330">
        <v>26644</v>
      </c>
      <c r="K15" s="330">
        <v>193498860</v>
      </c>
      <c r="L15" s="330">
        <v>79751</v>
      </c>
      <c r="M15" s="330">
        <v>143913</v>
      </c>
      <c r="N15" s="329">
        <v>2213844423</v>
      </c>
      <c r="O15" s="332">
        <v>9</v>
      </c>
      <c r="P15" s="697" t="s">
        <v>454</v>
      </c>
      <c r="Q15" s="330">
        <v>47959</v>
      </c>
      <c r="R15" s="330">
        <v>55384</v>
      </c>
      <c r="S15" s="330">
        <v>588855035</v>
      </c>
      <c r="T15" s="330">
        <v>1342</v>
      </c>
      <c r="U15" s="330">
        <v>48880</v>
      </c>
      <c r="V15" s="330">
        <v>32674329</v>
      </c>
      <c r="W15" s="330">
        <v>206</v>
      </c>
      <c r="X15" s="330">
        <v>1375</v>
      </c>
      <c r="Y15" s="330">
        <v>16086480</v>
      </c>
      <c r="Z15" s="330">
        <v>127916</v>
      </c>
      <c r="AA15" s="329">
        <v>2851460267</v>
      </c>
      <c r="AB15" s="332">
        <v>9</v>
      </c>
      <c r="AC15" s="697" t="s">
        <v>454</v>
      </c>
      <c r="AD15" s="456">
        <v>1</v>
      </c>
      <c r="AE15" s="456">
        <v>2362</v>
      </c>
      <c r="AF15" s="456">
        <v>27398706</v>
      </c>
      <c r="AG15" s="456">
        <v>0</v>
      </c>
      <c r="AH15" s="456">
        <v>0</v>
      </c>
      <c r="AI15" s="456">
        <v>0</v>
      </c>
      <c r="AJ15" s="456">
        <v>0</v>
      </c>
      <c r="AK15" s="725">
        <v>130279</v>
      </c>
      <c r="AL15" s="724">
        <v>2878858973</v>
      </c>
      <c r="AM15" s="742">
        <v>2172140200</v>
      </c>
      <c r="AN15" s="456">
        <v>673260123</v>
      </c>
      <c r="AO15" s="456">
        <v>33458650</v>
      </c>
      <c r="AP15" s="725">
        <v>6700</v>
      </c>
      <c r="AQ15" s="459">
        <v>296446984</v>
      </c>
    </row>
    <row r="16" spans="1:43" s="506" customFormat="1" ht="12.75" customHeight="1" x14ac:dyDescent="0.15">
      <c r="A16" s="332">
        <v>10</v>
      </c>
      <c r="B16" s="697" t="s">
        <v>518</v>
      </c>
      <c r="C16" s="330">
        <v>18011</v>
      </c>
      <c r="D16" s="330">
        <v>251928</v>
      </c>
      <c r="E16" s="330">
        <v>11125990677</v>
      </c>
      <c r="F16" s="330">
        <v>661411</v>
      </c>
      <c r="G16" s="330">
        <v>1006552</v>
      </c>
      <c r="H16" s="330">
        <v>11190088177</v>
      </c>
      <c r="I16" s="330">
        <v>144292</v>
      </c>
      <c r="J16" s="330">
        <v>267003</v>
      </c>
      <c r="K16" s="330">
        <v>2038720770</v>
      </c>
      <c r="L16" s="330">
        <v>823714</v>
      </c>
      <c r="M16" s="330">
        <v>1525483</v>
      </c>
      <c r="N16" s="329">
        <v>24354799624</v>
      </c>
      <c r="O16" s="332">
        <v>10</v>
      </c>
      <c r="P16" s="697" t="s">
        <v>518</v>
      </c>
      <c r="Q16" s="330">
        <v>494598</v>
      </c>
      <c r="R16" s="330">
        <v>575939</v>
      </c>
      <c r="S16" s="330">
        <v>6461159546</v>
      </c>
      <c r="T16" s="330">
        <v>16394</v>
      </c>
      <c r="U16" s="330">
        <v>647518</v>
      </c>
      <c r="V16" s="330">
        <v>436305655</v>
      </c>
      <c r="W16" s="330">
        <v>2577</v>
      </c>
      <c r="X16" s="330">
        <v>19899</v>
      </c>
      <c r="Y16" s="330">
        <v>225871390</v>
      </c>
      <c r="Z16" s="330">
        <v>1320889</v>
      </c>
      <c r="AA16" s="329">
        <v>31478136215</v>
      </c>
      <c r="AB16" s="332">
        <v>10</v>
      </c>
      <c r="AC16" s="697" t="s">
        <v>518</v>
      </c>
      <c r="AD16" s="456">
        <v>63</v>
      </c>
      <c r="AE16" s="456">
        <v>29305</v>
      </c>
      <c r="AF16" s="456">
        <v>322237594</v>
      </c>
      <c r="AG16" s="456">
        <v>0</v>
      </c>
      <c r="AH16" s="456">
        <v>0</v>
      </c>
      <c r="AI16" s="456">
        <v>1</v>
      </c>
      <c r="AJ16" s="456">
        <v>71750</v>
      </c>
      <c r="AK16" s="725">
        <v>1350258</v>
      </c>
      <c r="AL16" s="724">
        <v>31800445559</v>
      </c>
      <c r="AM16" s="742">
        <v>24002931481</v>
      </c>
      <c r="AN16" s="456">
        <v>7177449762</v>
      </c>
      <c r="AO16" s="456">
        <v>620064316</v>
      </c>
      <c r="AP16" s="725">
        <v>69825</v>
      </c>
      <c r="AQ16" s="459">
        <v>3203164489</v>
      </c>
    </row>
    <row r="17" spans="1:43" s="506" customFormat="1" ht="12.75" customHeight="1" x14ac:dyDescent="0.15">
      <c r="A17" s="332">
        <v>11</v>
      </c>
      <c r="B17" s="697" t="s">
        <v>451</v>
      </c>
      <c r="C17" s="330">
        <v>1786</v>
      </c>
      <c r="D17" s="330">
        <v>20845</v>
      </c>
      <c r="E17" s="330">
        <v>1104621867</v>
      </c>
      <c r="F17" s="330">
        <v>62780</v>
      </c>
      <c r="G17" s="330">
        <v>94578</v>
      </c>
      <c r="H17" s="330">
        <v>1008217331</v>
      </c>
      <c r="I17" s="330">
        <v>12146</v>
      </c>
      <c r="J17" s="330">
        <v>21919</v>
      </c>
      <c r="K17" s="330">
        <v>176057688</v>
      </c>
      <c r="L17" s="330">
        <v>76712</v>
      </c>
      <c r="M17" s="330">
        <v>137342</v>
      </c>
      <c r="N17" s="329">
        <v>2288896886</v>
      </c>
      <c r="O17" s="332">
        <v>11</v>
      </c>
      <c r="P17" s="697" t="s">
        <v>517</v>
      </c>
      <c r="Q17" s="330">
        <v>48064</v>
      </c>
      <c r="R17" s="330">
        <v>57249</v>
      </c>
      <c r="S17" s="330">
        <v>616640488</v>
      </c>
      <c r="T17" s="330">
        <v>1622</v>
      </c>
      <c r="U17" s="330">
        <v>52057</v>
      </c>
      <c r="V17" s="330">
        <v>35301374</v>
      </c>
      <c r="W17" s="330">
        <v>88</v>
      </c>
      <c r="X17" s="330">
        <v>696</v>
      </c>
      <c r="Y17" s="330">
        <v>7591750</v>
      </c>
      <c r="Z17" s="330">
        <v>124864</v>
      </c>
      <c r="AA17" s="329">
        <v>2948430498</v>
      </c>
      <c r="AB17" s="332">
        <v>11</v>
      </c>
      <c r="AC17" s="697" t="s">
        <v>517</v>
      </c>
      <c r="AD17" s="456">
        <v>24</v>
      </c>
      <c r="AE17" s="456">
        <v>2383</v>
      </c>
      <c r="AF17" s="456">
        <v>25733015</v>
      </c>
      <c r="AG17" s="456">
        <v>1</v>
      </c>
      <c r="AH17" s="456">
        <v>11077</v>
      </c>
      <c r="AI17" s="456">
        <v>0</v>
      </c>
      <c r="AJ17" s="456">
        <v>0</v>
      </c>
      <c r="AK17" s="725">
        <v>127271</v>
      </c>
      <c r="AL17" s="724">
        <v>2974163513</v>
      </c>
      <c r="AM17" s="742">
        <v>2238041448</v>
      </c>
      <c r="AN17" s="456">
        <v>710347306</v>
      </c>
      <c r="AO17" s="456">
        <v>25774759</v>
      </c>
      <c r="AP17" s="725">
        <v>7624</v>
      </c>
      <c r="AQ17" s="459">
        <v>306986591</v>
      </c>
    </row>
    <row r="18" spans="1:43" s="506" customFormat="1" ht="12.75" customHeight="1" x14ac:dyDescent="0.15">
      <c r="A18" s="332">
        <v>12</v>
      </c>
      <c r="B18" s="697" t="s">
        <v>450</v>
      </c>
      <c r="C18" s="330">
        <v>5094</v>
      </c>
      <c r="D18" s="330">
        <v>74615</v>
      </c>
      <c r="E18" s="330">
        <v>3030646934</v>
      </c>
      <c r="F18" s="330">
        <v>193938</v>
      </c>
      <c r="G18" s="330">
        <v>270436</v>
      </c>
      <c r="H18" s="330">
        <v>3113784455</v>
      </c>
      <c r="I18" s="330">
        <v>38609</v>
      </c>
      <c r="J18" s="330">
        <v>71823</v>
      </c>
      <c r="K18" s="330">
        <v>529053840</v>
      </c>
      <c r="L18" s="330">
        <v>237641</v>
      </c>
      <c r="M18" s="330">
        <v>416874</v>
      </c>
      <c r="N18" s="329">
        <v>6673485229</v>
      </c>
      <c r="O18" s="332">
        <v>12</v>
      </c>
      <c r="P18" s="697" t="s">
        <v>450</v>
      </c>
      <c r="Q18" s="330">
        <v>128260</v>
      </c>
      <c r="R18" s="330">
        <v>144051</v>
      </c>
      <c r="S18" s="330">
        <v>1710939894</v>
      </c>
      <c r="T18" s="330">
        <v>4798</v>
      </c>
      <c r="U18" s="330">
        <v>192266</v>
      </c>
      <c r="V18" s="330">
        <v>129599183</v>
      </c>
      <c r="W18" s="330">
        <v>646</v>
      </c>
      <c r="X18" s="330">
        <v>5188</v>
      </c>
      <c r="Y18" s="330">
        <v>62843990</v>
      </c>
      <c r="Z18" s="330">
        <v>366547</v>
      </c>
      <c r="AA18" s="329">
        <v>8576868296</v>
      </c>
      <c r="AB18" s="332">
        <v>12</v>
      </c>
      <c r="AC18" s="697" t="s">
        <v>450</v>
      </c>
      <c r="AD18" s="456">
        <v>49</v>
      </c>
      <c r="AE18" s="456">
        <v>7376</v>
      </c>
      <c r="AF18" s="456">
        <v>82316255</v>
      </c>
      <c r="AG18" s="456">
        <v>9</v>
      </c>
      <c r="AH18" s="456">
        <v>106849</v>
      </c>
      <c r="AI18" s="456">
        <v>0</v>
      </c>
      <c r="AJ18" s="456">
        <v>0</v>
      </c>
      <c r="AK18" s="725">
        <v>373972</v>
      </c>
      <c r="AL18" s="724">
        <v>8659184551</v>
      </c>
      <c r="AM18" s="742">
        <v>6529744954</v>
      </c>
      <c r="AN18" s="456">
        <v>2014003004</v>
      </c>
      <c r="AO18" s="456">
        <v>115436593</v>
      </c>
      <c r="AP18" s="725">
        <v>18924</v>
      </c>
      <c r="AQ18" s="459">
        <v>868948363</v>
      </c>
    </row>
    <row r="19" spans="1:43" s="506" customFormat="1" ht="12.75" customHeight="1" x14ac:dyDescent="0.15">
      <c r="A19" s="332">
        <v>13</v>
      </c>
      <c r="B19" s="697" t="s">
        <v>448</v>
      </c>
      <c r="C19" s="330">
        <v>5760</v>
      </c>
      <c r="D19" s="330">
        <v>77248</v>
      </c>
      <c r="E19" s="330">
        <v>3556800861</v>
      </c>
      <c r="F19" s="330">
        <v>217212</v>
      </c>
      <c r="G19" s="330">
        <v>333496</v>
      </c>
      <c r="H19" s="330">
        <v>3614196871</v>
      </c>
      <c r="I19" s="330">
        <v>45911</v>
      </c>
      <c r="J19" s="330">
        <v>82278</v>
      </c>
      <c r="K19" s="330">
        <v>623166160</v>
      </c>
      <c r="L19" s="330">
        <v>268883</v>
      </c>
      <c r="M19" s="330">
        <v>493022</v>
      </c>
      <c r="N19" s="329">
        <v>7794163892</v>
      </c>
      <c r="O19" s="332">
        <v>13</v>
      </c>
      <c r="P19" s="697" t="s">
        <v>448</v>
      </c>
      <c r="Q19" s="330">
        <v>161437</v>
      </c>
      <c r="R19" s="330">
        <v>183817</v>
      </c>
      <c r="S19" s="330">
        <v>2066633120</v>
      </c>
      <c r="T19" s="330">
        <v>5347</v>
      </c>
      <c r="U19" s="330">
        <v>196652</v>
      </c>
      <c r="V19" s="330">
        <v>132686550</v>
      </c>
      <c r="W19" s="330">
        <v>617</v>
      </c>
      <c r="X19" s="330">
        <v>3496</v>
      </c>
      <c r="Y19" s="330">
        <v>38889240</v>
      </c>
      <c r="Z19" s="330">
        <v>430937</v>
      </c>
      <c r="AA19" s="329">
        <v>10032372802</v>
      </c>
      <c r="AB19" s="332">
        <v>13</v>
      </c>
      <c r="AC19" s="697" t="s">
        <v>516</v>
      </c>
      <c r="AD19" s="456">
        <v>8</v>
      </c>
      <c r="AE19" s="456">
        <v>6986</v>
      </c>
      <c r="AF19" s="456">
        <v>77437487</v>
      </c>
      <c r="AG19" s="456">
        <v>0</v>
      </c>
      <c r="AH19" s="456">
        <v>0</v>
      </c>
      <c r="AI19" s="456">
        <v>0</v>
      </c>
      <c r="AJ19" s="456">
        <v>0</v>
      </c>
      <c r="AK19" s="725">
        <v>437931</v>
      </c>
      <c r="AL19" s="724">
        <v>10109810289</v>
      </c>
      <c r="AM19" s="742">
        <v>7612068210</v>
      </c>
      <c r="AN19" s="456">
        <v>2363025617</v>
      </c>
      <c r="AO19" s="456">
        <v>134716462</v>
      </c>
      <c r="AP19" s="725">
        <v>22538</v>
      </c>
      <c r="AQ19" s="459">
        <v>1042032693</v>
      </c>
    </row>
    <row r="20" spans="1:43" s="506" customFormat="1" ht="12.75" customHeight="1" x14ac:dyDescent="0.15">
      <c r="A20" s="332">
        <v>14</v>
      </c>
      <c r="B20" s="697" t="s">
        <v>514</v>
      </c>
      <c r="C20" s="330">
        <v>5546</v>
      </c>
      <c r="D20" s="330">
        <v>74160</v>
      </c>
      <c r="E20" s="330">
        <v>3528761716</v>
      </c>
      <c r="F20" s="330">
        <v>206392</v>
      </c>
      <c r="G20" s="330">
        <v>310545</v>
      </c>
      <c r="H20" s="330">
        <v>3458882791</v>
      </c>
      <c r="I20" s="330">
        <v>44945</v>
      </c>
      <c r="J20" s="330">
        <v>81009</v>
      </c>
      <c r="K20" s="330">
        <v>604796650</v>
      </c>
      <c r="L20" s="330">
        <v>256883</v>
      </c>
      <c r="M20" s="330">
        <v>465714</v>
      </c>
      <c r="N20" s="329">
        <v>7592441157</v>
      </c>
      <c r="O20" s="332">
        <v>14</v>
      </c>
      <c r="P20" s="697" t="s">
        <v>515</v>
      </c>
      <c r="Q20" s="330">
        <v>160871</v>
      </c>
      <c r="R20" s="330">
        <v>185464</v>
      </c>
      <c r="S20" s="330">
        <v>1922605222</v>
      </c>
      <c r="T20" s="330">
        <v>4595</v>
      </c>
      <c r="U20" s="330">
        <v>184261</v>
      </c>
      <c r="V20" s="330">
        <v>123231774</v>
      </c>
      <c r="W20" s="330">
        <v>609</v>
      </c>
      <c r="X20" s="330">
        <v>5092</v>
      </c>
      <c r="Y20" s="330">
        <v>60331480</v>
      </c>
      <c r="Z20" s="330">
        <v>418363</v>
      </c>
      <c r="AA20" s="329">
        <v>9698609633</v>
      </c>
      <c r="AB20" s="332">
        <v>14</v>
      </c>
      <c r="AC20" s="697" t="s">
        <v>514</v>
      </c>
      <c r="AD20" s="456">
        <v>6</v>
      </c>
      <c r="AE20" s="456">
        <v>9035</v>
      </c>
      <c r="AF20" s="456">
        <v>95097955</v>
      </c>
      <c r="AG20" s="456">
        <v>0</v>
      </c>
      <c r="AH20" s="456">
        <v>0</v>
      </c>
      <c r="AI20" s="456">
        <v>0</v>
      </c>
      <c r="AJ20" s="456">
        <v>0</v>
      </c>
      <c r="AK20" s="725">
        <v>427404</v>
      </c>
      <c r="AL20" s="724">
        <v>9793707588</v>
      </c>
      <c r="AM20" s="742">
        <v>7392066669</v>
      </c>
      <c r="AN20" s="456">
        <v>2287245656</v>
      </c>
      <c r="AO20" s="456">
        <v>114395263</v>
      </c>
      <c r="AP20" s="725">
        <v>22129</v>
      </c>
      <c r="AQ20" s="459">
        <v>1019150019</v>
      </c>
    </row>
    <row r="21" spans="1:43" s="506" customFormat="1" ht="12.75" customHeight="1" x14ac:dyDescent="0.15">
      <c r="A21" s="332">
        <v>15</v>
      </c>
      <c r="B21" s="697" t="s">
        <v>513</v>
      </c>
      <c r="C21" s="330">
        <v>2587</v>
      </c>
      <c r="D21" s="330">
        <v>40350</v>
      </c>
      <c r="E21" s="330">
        <v>1767778444</v>
      </c>
      <c r="F21" s="330">
        <v>96710</v>
      </c>
      <c r="G21" s="330">
        <v>141121</v>
      </c>
      <c r="H21" s="330">
        <v>1640742285</v>
      </c>
      <c r="I21" s="330">
        <v>22319</v>
      </c>
      <c r="J21" s="330">
        <v>40620</v>
      </c>
      <c r="K21" s="330">
        <v>312719540</v>
      </c>
      <c r="L21" s="330">
        <v>121616</v>
      </c>
      <c r="M21" s="330">
        <v>222091</v>
      </c>
      <c r="N21" s="329">
        <v>3721240269</v>
      </c>
      <c r="O21" s="364">
        <v>15</v>
      </c>
      <c r="P21" s="697" t="s">
        <v>513</v>
      </c>
      <c r="Q21" s="330">
        <v>74028</v>
      </c>
      <c r="R21" s="330">
        <v>83292</v>
      </c>
      <c r="S21" s="330">
        <v>1000448814</v>
      </c>
      <c r="T21" s="330">
        <v>2440</v>
      </c>
      <c r="U21" s="330">
        <v>105376</v>
      </c>
      <c r="V21" s="330">
        <v>70998542</v>
      </c>
      <c r="W21" s="330">
        <v>381</v>
      </c>
      <c r="X21" s="330">
        <v>2779</v>
      </c>
      <c r="Y21" s="330">
        <v>31849290</v>
      </c>
      <c r="Z21" s="330">
        <v>196025</v>
      </c>
      <c r="AA21" s="329">
        <v>4824536915</v>
      </c>
      <c r="AB21" s="364">
        <v>15</v>
      </c>
      <c r="AC21" s="697" t="s">
        <v>512</v>
      </c>
      <c r="AD21" s="456">
        <v>0</v>
      </c>
      <c r="AE21" s="456">
        <v>3339</v>
      </c>
      <c r="AF21" s="456">
        <v>46224388</v>
      </c>
      <c r="AG21" s="456">
        <v>0</v>
      </c>
      <c r="AH21" s="456">
        <v>0</v>
      </c>
      <c r="AI21" s="456">
        <v>0</v>
      </c>
      <c r="AJ21" s="456">
        <v>0</v>
      </c>
      <c r="AK21" s="725">
        <v>199364</v>
      </c>
      <c r="AL21" s="724">
        <v>4870761303</v>
      </c>
      <c r="AM21" s="742">
        <v>3670369211</v>
      </c>
      <c r="AN21" s="456">
        <v>1145678497</v>
      </c>
      <c r="AO21" s="456">
        <v>54713595</v>
      </c>
      <c r="AP21" s="725">
        <v>10267</v>
      </c>
      <c r="AQ21" s="459">
        <v>518112558</v>
      </c>
    </row>
    <row r="22" spans="1:43" s="506" customFormat="1" ht="12.75" customHeight="1" x14ac:dyDescent="0.15">
      <c r="A22" s="332">
        <v>16</v>
      </c>
      <c r="B22" s="697" t="s">
        <v>511</v>
      </c>
      <c r="C22" s="330">
        <v>2912</v>
      </c>
      <c r="D22" s="330">
        <v>42017</v>
      </c>
      <c r="E22" s="330">
        <v>1907685559</v>
      </c>
      <c r="F22" s="330">
        <v>120635</v>
      </c>
      <c r="G22" s="330">
        <v>171922</v>
      </c>
      <c r="H22" s="330">
        <v>2424153642</v>
      </c>
      <c r="I22" s="330">
        <v>27237</v>
      </c>
      <c r="J22" s="330">
        <v>47755</v>
      </c>
      <c r="K22" s="330">
        <v>374227870</v>
      </c>
      <c r="L22" s="330">
        <v>150784</v>
      </c>
      <c r="M22" s="330">
        <v>261694</v>
      </c>
      <c r="N22" s="329">
        <v>4706067071</v>
      </c>
      <c r="O22" s="364">
        <v>16</v>
      </c>
      <c r="P22" s="703" t="s">
        <v>511</v>
      </c>
      <c r="Q22" s="330">
        <v>63793</v>
      </c>
      <c r="R22" s="330">
        <v>75302</v>
      </c>
      <c r="S22" s="330">
        <v>798945340</v>
      </c>
      <c r="T22" s="330">
        <v>2756</v>
      </c>
      <c r="U22" s="330">
        <v>107214</v>
      </c>
      <c r="V22" s="330">
        <v>71736870</v>
      </c>
      <c r="W22" s="330">
        <v>363</v>
      </c>
      <c r="X22" s="330">
        <v>2715</v>
      </c>
      <c r="Y22" s="330">
        <v>33694090</v>
      </c>
      <c r="Z22" s="330">
        <v>214940</v>
      </c>
      <c r="AA22" s="329">
        <v>5610443371</v>
      </c>
      <c r="AB22" s="364">
        <v>16</v>
      </c>
      <c r="AC22" s="697" t="s">
        <v>511</v>
      </c>
      <c r="AD22" s="456">
        <v>8</v>
      </c>
      <c r="AE22" s="456">
        <v>4273</v>
      </c>
      <c r="AF22" s="456">
        <v>46437007</v>
      </c>
      <c r="AG22" s="456">
        <v>0</v>
      </c>
      <c r="AH22" s="456">
        <v>0</v>
      </c>
      <c r="AI22" s="456">
        <v>0</v>
      </c>
      <c r="AJ22" s="456">
        <v>0</v>
      </c>
      <c r="AK22" s="725">
        <v>219221</v>
      </c>
      <c r="AL22" s="724">
        <v>5656880378</v>
      </c>
      <c r="AM22" s="742">
        <v>4267561774</v>
      </c>
      <c r="AN22" s="456">
        <v>1311649795</v>
      </c>
      <c r="AO22" s="456">
        <v>77668809</v>
      </c>
      <c r="AP22" s="725">
        <v>15266</v>
      </c>
      <c r="AQ22" s="459">
        <v>589541214</v>
      </c>
    </row>
    <row r="23" spans="1:43" s="506" customFormat="1" ht="12.75" customHeight="1" x14ac:dyDescent="0.15">
      <c r="A23" s="364">
        <v>17</v>
      </c>
      <c r="B23" s="703" t="s">
        <v>510</v>
      </c>
      <c r="C23" s="330">
        <v>3196</v>
      </c>
      <c r="D23" s="330">
        <v>47091</v>
      </c>
      <c r="E23" s="330">
        <v>1899871419</v>
      </c>
      <c r="F23" s="330">
        <v>123311</v>
      </c>
      <c r="G23" s="330">
        <v>190293</v>
      </c>
      <c r="H23" s="330">
        <v>2247268757</v>
      </c>
      <c r="I23" s="330">
        <v>27967</v>
      </c>
      <c r="J23" s="330">
        <v>49915</v>
      </c>
      <c r="K23" s="330">
        <v>382000983</v>
      </c>
      <c r="L23" s="330">
        <v>154474</v>
      </c>
      <c r="M23" s="330">
        <v>287299</v>
      </c>
      <c r="N23" s="329">
        <v>4529141159</v>
      </c>
      <c r="O23" s="364">
        <v>17</v>
      </c>
      <c r="P23" s="702" t="s">
        <v>510</v>
      </c>
      <c r="Q23" s="330">
        <v>85846</v>
      </c>
      <c r="R23" s="330">
        <v>99415</v>
      </c>
      <c r="S23" s="330">
        <v>982758002</v>
      </c>
      <c r="T23" s="330">
        <v>2925</v>
      </c>
      <c r="U23" s="330">
        <v>117691</v>
      </c>
      <c r="V23" s="330">
        <v>79524275</v>
      </c>
      <c r="W23" s="330">
        <v>443</v>
      </c>
      <c r="X23" s="330">
        <v>3772</v>
      </c>
      <c r="Y23" s="330">
        <v>43997320</v>
      </c>
      <c r="Z23" s="330">
        <v>240763</v>
      </c>
      <c r="AA23" s="329">
        <v>5635420756</v>
      </c>
      <c r="AB23" s="364">
        <v>17</v>
      </c>
      <c r="AC23" s="697" t="s">
        <v>510</v>
      </c>
      <c r="AD23" s="456">
        <v>0</v>
      </c>
      <c r="AE23" s="456">
        <v>4181</v>
      </c>
      <c r="AF23" s="456">
        <v>45657891</v>
      </c>
      <c r="AG23" s="456">
        <v>22</v>
      </c>
      <c r="AH23" s="456">
        <v>890689</v>
      </c>
      <c r="AI23" s="456">
        <v>0</v>
      </c>
      <c r="AJ23" s="456">
        <v>0</v>
      </c>
      <c r="AK23" s="725">
        <v>244944</v>
      </c>
      <c r="AL23" s="724">
        <v>5681078647</v>
      </c>
      <c r="AM23" s="742">
        <v>4291524725</v>
      </c>
      <c r="AN23" s="456">
        <v>1305993162</v>
      </c>
      <c r="AO23" s="456">
        <v>83560760</v>
      </c>
      <c r="AP23" s="725">
        <v>13515</v>
      </c>
      <c r="AQ23" s="459">
        <v>580078540</v>
      </c>
    </row>
    <row r="24" spans="1:43" s="506" customFormat="1" ht="12.75" customHeight="1" x14ac:dyDescent="0.15">
      <c r="A24" s="364">
        <v>18</v>
      </c>
      <c r="B24" s="702" t="s">
        <v>509</v>
      </c>
      <c r="C24" s="330">
        <v>1055</v>
      </c>
      <c r="D24" s="330">
        <v>15578</v>
      </c>
      <c r="E24" s="330">
        <v>639487320</v>
      </c>
      <c r="F24" s="330">
        <v>47651</v>
      </c>
      <c r="G24" s="330">
        <v>68270</v>
      </c>
      <c r="H24" s="330">
        <v>722187520</v>
      </c>
      <c r="I24" s="330">
        <v>10484</v>
      </c>
      <c r="J24" s="330">
        <v>19884</v>
      </c>
      <c r="K24" s="330">
        <v>143392090</v>
      </c>
      <c r="L24" s="330">
        <v>59190</v>
      </c>
      <c r="M24" s="330">
        <v>103732</v>
      </c>
      <c r="N24" s="329">
        <v>1505066930</v>
      </c>
      <c r="O24" s="364">
        <v>18</v>
      </c>
      <c r="P24" s="702" t="s">
        <v>509</v>
      </c>
      <c r="Q24" s="330">
        <v>34843</v>
      </c>
      <c r="R24" s="330">
        <v>39865</v>
      </c>
      <c r="S24" s="330">
        <v>437806690</v>
      </c>
      <c r="T24" s="330">
        <v>982</v>
      </c>
      <c r="U24" s="330">
        <v>39570</v>
      </c>
      <c r="V24" s="330">
        <v>26101951</v>
      </c>
      <c r="W24" s="330">
        <v>160</v>
      </c>
      <c r="X24" s="330">
        <v>912</v>
      </c>
      <c r="Y24" s="330">
        <v>10981920</v>
      </c>
      <c r="Z24" s="330">
        <v>94193</v>
      </c>
      <c r="AA24" s="329">
        <v>1979957491</v>
      </c>
      <c r="AB24" s="364">
        <v>18</v>
      </c>
      <c r="AC24" s="697" t="s">
        <v>509</v>
      </c>
      <c r="AD24" s="456">
        <v>0</v>
      </c>
      <c r="AE24" s="456">
        <v>1413</v>
      </c>
      <c r="AF24" s="456">
        <v>18525478</v>
      </c>
      <c r="AG24" s="456">
        <v>1</v>
      </c>
      <c r="AH24" s="456">
        <v>15420</v>
      </c>
      <c r="AI24" s="456">
        <v>0</v>
      </c>
      <c r="AJ24" s="456">
        <v>0</v>
      </c>
      <c r="AK24" s="725">
        <v>95606</v>
      </c>
      <c r="AL24" s="724">
        <v>1998482969</v>
      </c>
      <c r="AM24" s="742">
        <v>1511549970</v>
      </c>
      <c r="AN24" s="456">
        <v>459412930</v>
      </c>
      <c r="AO24" s="456">
        <v>27520069</v>
      </c>
      <c r="AP24" s="725">
        <v>5383</v>
      </c>
      <c r="AQ24" s="459">
        <v>190667422</v>
      </c>
    </row>
    <row r="25" spans="1:43" s="506" customFormat="1" ht="12.75" customHeight="1" x14ac:dyDescent="0.15">
      <c r="A25" s="364">
        <v>19</v>
      </c>
      <c r="B25" s="702" t="s">
        <v>508</v>
      </c>
      <c r="C25" s="330">
        <v>814</v>
      </c>
      <c r="D25" s="330">
        <v>9896</v>
      </c>
      <c r="E25" s="330">
        <v>497233630</v>
      </c>
      <c r="F25" s="330">
        <v>35706</v>
      </c>
      <c r="G25" s="330">
        <v>53352</v>
      </c>
      <c r="H25" s="330">
        <v>569392620</v>
      </c>
      <c r="I25" s="330">
        <v>7522</v>
      </c>
      <c r="J25" s="330">
        <v>13574</v>
      </c>
      <c r="K25" s="330">
        <v>105943250</v>
      </c>
      <c r="L25" s="330">
        <v>44042</v>
      </c>
      <c r="M25" s="330">
        <v>76822</v>
      </c>
      <c r="N25" s="329">
        <v>1172569500</v>
      </c>
      <c r="O25" s="364">
        <v>19</v>
      </c>
      <c r="P25" s="702" t="s">
        <v>508</v>
      </c>
      <c r="Q25" s="330">
        <v>25938</v>
      </c>
      <c r="R25" s="330">
        <v>29717</v>
      </c>
      <c r="S25" s="330">
        <v>310850384</v>
      </c>
      <c r="T25" s="330">
        <v>739</v>
      </c>
      <c r="U25" s="330">
        <v>25129</v>
      </c>
      <c r="V25" s="330">
        <v>16863317</v>
      </c>
      <c r="W25" s="330">
        <v>150</v>
      </c>
      <c r="X25" s="330">
        <v>978</v>
      </c>
      <c r="Y25" s="330">
        <v>10213940</v>
      </c>
      <c r="Z25" s="330">
        <v>70130</v>
      </c>
      <c r="AA25" s="329">
        <v>1510497141</v>
      </c>
      <c r="AB25" s="364">
        <v>19</v>
      </c>
      <c r="AC25" s="702" t="s">
        <v>508</v>
      </c>
      <c r="AD25" s="370">
        <v>0</v>
      </c>
      <c r="AE25" s="370">
        <v>1034</v>
      </c>
      <c r="AF25" s="370">
        <v>17924612</v>
      </c>
      <c r="AG25" s="370">
        <v>0</v>
      </c>
      <c r="AH25" s="370">
        <v>0</v>
      </c>
      <c r="AI25" s="370">
        <v>0</v>
      </c>
      <c r="AJ25" s="370">
        <v>0</v>
      </c>
      <c r="AK25" s="369">
        <v>71164</v>
      </c>
      <c r="AL25" s="743">
        <v>1528421753</v>
      </c>
      <c r="AM25" s="371">
        <v>1157707195</v>
      </c>
      <c r="AN25" s="370">
        <v>349115520</v>
      </c>
      <c r="AO25" s="370">
        <v>21599038</v>
      </c>
      <c r="AP25" s="369">
        <v>4008</v>
      </c>
      <c r="AQ25" s="450">
        <v>144466864</v>
      </c>
    </row>
    <row r="26" spans="1:43" s="506" customFormat="1" ht="12.75" customHeight="1" x14ac:dyDescent="0.15">
      <c r="A26" s="364">
        <v>20</v>
      </c>
      <c r="B26" s="702" t="s">
        <v>507</v>
      </c>
      <c r="C26" s="330">
        <v>1355</v>
      </c>
      <c r="D26" s="330">
        <v>18403</v>
      </c>
      <c r="E26" s="330">
        <v>860906303</v>
      </c>
      <c r="F26" s="330">
        <v>49945</v>
      </c>
      <c r="G26" s="330">
        <v>73073</v>
      </c>
      <c r="H26" s="330">
        <v>838353470</v>
      </c>
      <c r="I26" s="330">
        <v>11600</v>
      </c>
      <c r="J26" s="330">
        <v>19359</v>
      </c>
      <c r="K26" s="330">
        <v>148045650</v>
      </c>
      <c r="L26" s="330">
        <v>62900</v>
      </c>
      <c r="M26" s="330">
        <v>110835</v>
      </c>
      <c r="N26" s="329">
        <v>1847305423</v>
      </c>
      <c r="O26" s="364">
        <v>20</v>
      </c>
      <c r="P26" s="702" t="s">
        <v>507</v>
      </c>
      <c r="Q26" s="330">
        <v>35481</v>
      </c>
      <c r="R26" s="330">
        <v>41487</v>
      </c>
      <c r="S26" s="330">
        <v>473975770</v>
      </c>
      <c r="T26" s="330">
        <v>1240</v>
      </c>
      <c r="U26" s="330">
        <v>44497</v>
      </c>
      <c r="V26" s="330">
        <v>30237149</v>
      </c>
      <c r="W26" s="330">
        <v>165</v>
      </c>
      <c r="X26" s="330">
        <v>941</v>
      </c>
      <c r="Y26" s="330">
        <v>10526530</v>
      </c>
      <c r="Z26" s="330">
        <v>98546</v>
      </c>
      <c r="AA26" s="329">
        <v>2362044872</v>
      </c>
      <c r="AB26" s="364">
        <v>20</v>
      </c>
      <c r="AC26" s="702" t="s">
        <v>507</v>
      </c>
      <c r="AD26" s="370">
        <v>68</v>
      </c>
      <c r="AE26" s="370">
        <v>1842</v>
      </c>
      <c r="AF26" s="370">
        <v>22382638</v>
      </c>
      <c r="AG26" s="370">
        <v>0</v>
      </c>
      <c r="AH26" s="370">
        <v>0</v>
      </c>
      <c r="AI26" s="370">
        <v>1</v>
      </c>
      <c r="AJ26" s="370">
        <v>147056</v>
      </c>
      <c r="AK26" s="369">
        <v>100457</v>
      </c>
      <c r="AL26" s="743">
        <v>2384574566</v>
      </c>
      <c r="AM26" s="371">
        <v>1797788678</v>
      </c>
      <c r="AN26" s="370">
        <v>558380647</v>
      </c>
      <c r="AO26" s="370">
        <v>28405241</v>
      </c>
      <c r="AP26" s="369">
        <v>6395</v>
      </c>
      <c r="AQ26" s="450">
        <v>243224026</v>
      </c>
    </row>
    <row r="27" spans="1:43" s="506" customFormat="1" ht="12.75" customHeight="1" x14ac:dyDescent="0.15">
      <c r="A27" s="364">
        <v>21</v>
      </c>
      <c r="B27" s="702" t="s">
        <v>506</v>
      </c>
      <c r="C27" s="330">
        <v>2102</v>
      </c>
      <c r="D27" s="330">
        <v>27639</v>
      </c>
      <c r="E27" s="330">
        <v>1331516919</v>
      </c>
      <c r="F27" s="330">
        <v>79615</v>
      </c>
      <c r="G27" s="330">
        <v>118428</v>
      </c>
      <c r="H27" s="330">
        <v>1560965187</v>
      </c>
      <c r="I27" s="330">
        <v>19883</v>
      </c>
      <c r="J27" s="330">
        <v>34417</v>
      </c>
      <c r="K27" s="330">
        <v>281513700</v>
      </c>
      <c r="L27" s="330">
        <v>101600</v>
      </c>
      <c r="M27" s="330">
        <v>180484</v>
      </c>
      <c r="N27" s="329">
        <v>3173995806</v>
      </c>
      <c r="O27" s="364">
        <v>21</v>
      </c>
      <c r="P27" s="702" t="s">
        <v>506</v>
      </c>
      <c r="Q27" s="330">
        <v>53445</v>
      </c>
      <c r="R27" s="330">
        <v>62834</v>
      </c>
      <c r="S27" s="330">
        <v>701759790</v>
      </c>
      <c r="T27" s="330">
        <v>1956</v>
      </c>
      <c r="U27" s="330">
        <v>68101</v>
      </c>
      <c r="V27" s="330">
        <v>45721476</v>
      </c>
      <c r="W27" s="330">
        <v>275</v>
      </c>
      <c r="X27" s="330">
        <v>2224</v>
      </c>
      <c r="Y27" s="330">
        <v>24214250</v>
      </c>
      <c r="Z27" s="330">
        <v>155320</v>
      </c>
      <c r="AA27" s="329">
        <v>3945691322</v>
      </c>
      <c r="AB27" s="364">
        <v>21</v>
      </c>
      <c r="AC27" s="702" t="s">
        <v>506</v>
      </c>
      <c r="AD27" s="370">
        <v>0</v>
      </c>
      <c r="AE27" s="370">
        <v>3529</v>
      </c>
      <c r="AF27" s="370">
        <v>39577734</v>
      </c>
      <c r="AG27" s="370">
        <v>0</v>
      </c>
      <c r="AH27" s="370">
        <v>0</v>
      </c>
      <c r="AI27" s="370">
        <v>0</v>
      </c>
      <c r="AJ27" s="370">
        <v>0</v>
      </c>
      <c r="AK27" s="369">
        <v>158849</v>
      </c>
      <c r="AL27" s="743">
        <v>3985269056</v>
      </c>
      <c r="AM27" s="371">
        <v>3021097592</v>
      </c>
      <c r="AN27" s="370">
        <v>921779108</v>
      </c>
      <c r="AO27" s="370">
        <v>42392356</v>
      </c>
      <c r="AP27" s="369">
        <v>10846</v>
      </c>
      <c r="AQ27" s="450">
        <v>415900481</v>
      </c>
    </row>
    <row r="28" spans="1:43" s="506" customFormat="1" ht="12.75" customHeight="1" x14ac:dyDescent="0.15">
      <c r="A28" s="364">
        <v>22</v>
      </c>
      <c r="B28" s="702" t="s">
        <v>505</v>
      </c>
      <c r="C28" s="330">
        <v>1013</v>
      </c>
      <c r="D28" s="330">
        <v>14311</v>
      </c>
      <c r="E28" s="330">
        <v>674906754</v>
      </c>
      <c r="F28" s="330">
        <v>40757</v>
      </c>
      <c r="G28" s="330">
        <v>55986</v>
      </c>
      <c r="H28" s="330">
        <v>614433579</v>
      </c>
      <c r="I28" s="330">
        <v>9023</v>
      </c>
      <c r="J28" s="330">
        <v>15510</v>
      </c>
      <c r="K28" s="330">
        <v>119340100</v>
      </c>
      <c r="L28" s="330">
        <v>50793</v>
      </c>
      <c r="M28" s="330">
        <v>85807</v>
      </c>
      <c r="N28" s="329">
        <v>1408680433</v>
      </c>
      <c r="O28" s="364">
        <v>22</v>
      </c>
      <c r="P28" s="702" t="s">
        <v>505</v>
      </c>
      <c r="Q28" s="330">
        <v>32247</v>
      </c>
      <c r="R28" s="330">
        <v>36446</v>
      </c>
      <c r="S28" s="330">
        <v>426063040</v>
      </c>
      <c r="T28" s="330">
        <v>928</v>
      </c>
      <c r="U28" s="330">
        <v>35570</v>
      </c>
      <c r="V28" s="330">
        <v>23709429</v>
      </c>
      <c r="W28" s="330">
        <v>179</v>
      </c>
      <c r="X28" s="330">
        <v>1199</v>
      </c>
      <c r="Y28" s="330">
        <v>12295680</v>
      </c>
      <c r="Z28" s="330">
        <v>83219</v>
      </c>
      <c r="AA28" s="329">
        <v>1870748582</v>
      </c>
      <c r="AB28" s="364">
        <v>22</v>
      </c>
      <c r="AC28" s="702" t="s">
        <v>505</v>
      </c>
      <c r="AD28" s="370">
        <v>77</v>
      </c>
      <c r="AE28" s="370">
        <v>1069</v>
      </c>
      <c r="AF28" s="370">
        <v>13363087</v>
      </c>
      <c r="AG28" s="370">
        <v>0</v>
      </c>
      <c r="AH28" s="370">
        <v>0</v>
      </c>
      <c r="AI28" s="370">
        <v>0</v>
      </c>
      <c r="AJ28" s="370">
        <v>0</v>
      </c>
      <c r="AK28" s="369">
        <v>84365</v>
      </c>
      <c r="AL28" s="743">
        <v>1884111669</v>
      </c>
      <c r="AM28" s="371">
        <v>1421862867</v>
      </c>
      <c r="AN28" s="370">
        <v>431134378</v>
      </c>
      <c r="AO28" s="370">
        <v>31114424</v>
      </c>
      <c r="AP28" s="369">
        <v>5275</v>
      </c>
      <c r="AQ28" s="450">
        <v>196626308</v>
      </c>
    </row>
    <row r="29" spans="1:43" s="506" customFormat="1" ht="12.75" customHeight="1" x14ac:dyDescent="0.15">
      <c r="A29" s="364">
        <v>23</v>
      </c>
      <c r="B29" s="697" t="s">
        <v>504</v>
      </c>
      <c r="C29" s="330">
        <v>826</v>
      </c>
      <c r="D29" s="330">
        <v>12668</v>
      </c>
      <c r="E29" s="330">
        <v>527392380</v>
      </c>
      <c r="F29" s="330">
        <v>31954</v>
      </c>
      <c r="G29" s="330">
        <v>46044</v>
      </c>
      <c r="H29" s="330">
        <v>484420772</v>
      </c>
      <c r="I29" s="330">
        <v>6907</v>
      </c>
      <c r="J29" s="330">
        <v>12566</v>
      </c>
      <c r="K29" s="330">
        <v>92313090</v>
      </c>
      <c r="L29" s="330">
        <v>39687</v>
      </c>
      <c r="M29" s="330">
        <v>71278</v>
      </c>
      <c r="N29" s="329">
        <v>1104126242</v>
      </c>
      <c r="O29" s="364">
        <v>23</v>
      </c>
      <c r="P29" s="702" t="s">
        <v>504</v>
      </c>
      <c r="Q29" s="330">
        <v>24839</v>
      </c>
      <c r="R29" s="330">
        <v>28222</v>
      </c>
      <c r="S29" s="330">
        <v>315730050</v>
      </c>
      <c r="T29" s="330">
        <v>787</v>
      </c>
      <c r="U29" s="330">
        <v>31990</v>
      </c>
      <c r="V29" s="330">
        <v>21920755</v>
      </c>
      <c r="W29" s="330">
        <v>77</v>
      </c>
      <c r="X29" s="330">
        <v>523</v>
      </c>
      <c r="Y29" s="330">
        <v>5861010</v>
      </c>
      <c r="Z29" s="330">
        <v>64603</v>
      </c>
      <c r="AA29" s="329">
        <v>1447638057</v>
      </c>
      <c r="AB29" s="364">
        <v>23</v>
      </c>
      <c r="AC29" s="702" t="s">
        <v>504</v>
      </c>
      <c r="AD29" s="370">
        <v>0</v>
      </c>
      <c r="AE29" s="370">
        <v>709</v>
      </c>
      <c r="AF29" s="370">
        <v>12022346</v>
      </c>
      <c r="AG29" s="370">
        <v>0</v>
      </c>
      <c r="AH29" s="370">
        <v>0</v>
      </c>
      <c r="AI29" s="370">
        <v>0</v>
      </c>
      <c r="AJ29" s="370">
        <v>0</v>
      </c>
      <c r="AK29" s="369">
        <v>65312</v>
      </c>
      <c r="AL29" s="743">
        <v>1459660403</v>
      </c>
      <c r="AM29" s="371">
        <v>1095942264</v>
      </c>
      <c r="AN29" s="370">
        <v>337653445</v>
      </c>
      <c r="AO29" s="370">
        <v>26064694</v>
      </c>
      <c r="AP29" s="369">
        <v>4141</v>
      </c>
      <c r="AQ29" s="450">
        <v>149155790</v>
      </c>
    </row>
    <row r="30" spans="1:43" s="506" customFormat="1" ht="12.75" customHeight="1" x14ac:dyDescent="0.15">
      <c r="A30" s="332">
        <v>24</v>
      </c>
      <c r="B30" s="697" t="s">
        <v>503</v>
      </c>
      <c r="C30" s="330">
        <v>364</v>
      </c>
      <c r="D30" s="330">
        <v>5048</v>
      </c>
      <c r="E30" s="330">
        <v>229346250</v>
      </c>
      <c r="F30" s="330">
        <v>13394</v>
      </c>
      <c r="G30" s="330">
        <v>19144</v>
      </c>
      <c r="H30" s="330">
        <v>199913780</v>
      </c>
      <c r="I30" s="330">
        <v>2727</v>
      </c>
      <c r="J30" s="330">
        <v>5322</v>
      </c>
      <c r="K30" s="330">
        <v>36983010</v>
      </c>
      <c r="L30" s="330">
        <v>16485</v>
      </c>
      <c r="M30" s="330">
        <v>29514</v>
      </c>
      <c r="N30" s="329">
        <v>466243040</v>
      </c>
      <c r="O30" s="364">
        <v>24</v>
      </c>
      <c r="P30" s="702" t="s">
        <v>503</v>
      </c>
      <c r="Q30" s="330">
        <v>9810</v>
      </c>
      <c r="R30" s="330">
        <v>11272</v>
      </c>
      <c r="S30" s="330">
        <v>148861840</v>
      </c>
      <c r="T30" s="330">
        <v>334</v>
      </c>
      <c r="U30" s="330">
        <v>13262</v>
      </c>
      <c r="V30" s="330">
        <v>9027123</v>
      </c>
      <c r="W30" s="330">
        <v>12</v>
      </c>
      <c r="X30" s="330">
        <v>78</v>
      </c>
      <c r="Y30" s="330">
        <v>992790</v>
      </c>
      <c r="Z30" s="330">
        <v>26307</v>
      </c>
      <c r="AA30" s="329">
        <v>625124793</v>
      </c>
      <c r="AB30" s="364">
        <v>24</v>
      </c>
      <c r="AC30" s="702" t="s">
        <v>503</v>
      </c>
      <c r="AD30" s="370">
        <v>0</v>
      </c>
      <c r="AE30" s="370">
        <v>269</v>
      </c>
      <c r="AF30" s="370">
        <v>3273545</v>
      </c>
      <c r="AG30" s="370">
        <v>0</v>
      </c>
      <c r="AH30" s="370">
        <v>0</v>
      </c>
      <c r="AI30" s="370">
        <v>0</v>
      </c>
      <c r="AJ30" s="370">
        <v>0</v>
      </c>
      <c r="AK30" s="369">
        <v>26576</v>
      </c>
      <c r="AL30" s="743">
        <v>628398338</v>
      </c>
      <c r="AM30" s="371">
        <v>475769535</v>
      </c>
      <c r="AN30" s="370">
        <v>147744354</v>
      </c>
      <c r="AO30" s="370">
        <v>4884449</v>
      </c>
      <c r="AP30" s="369">
        <v>1597</v>
      </c>
      <c r="AQ30" s="450">
        <v>65990482</v>
      </c>
    </row>
    <row r="31" spans="1:43" s="506" customFormat="1" ht="12.75" customHeight="1" x14ac:dyDescent="0.15">
      <c r="A31" s="332">
        <v>25</v>
      </c>
      <c r="B31" s="697" t="s">
        <v>433</v>
      </c>
      <c r="C31" s="330">
        <v>392</v>
      </c>
      <c r="D31" s="330">
        <v>5609</v>
      </c>
      <c r="E31" s="330">
        <v>266652760</v>
      </c>
      <c r="F31" s="330">
        <v>18301</v>
      </c>
      <c r="G31" s="330">
        <v>28601</v>
      </c>
      <c r="H31" s="330">
        <v>259684657</v>
      </c>
      <c r="I31" s="330">
        <v>3494</v>
      </c>
      <c r="J31" s="330">
        <v>6690</v>
      </c>
      <c r="K31" s="330">
        <v>51918370</v>
      </c>
      <c r="L31" s="330">
        <v>22187</v>
      </c>
      <c r="M31" s="330">
        <v>40900</v>
      </c>
      <c r="N31" s="329">
        <v>578255787</v>
      </c>
      <c r="O31" s="364">
        <v>25</v>
      </c>
      <c r="P31" s="702" t="s">
        <v>433</v>
      </c>
      <c r="Q31" s="330">
        <v>13703</v>
      </c>
      <c r="R31" s="330">
        <v>15740</v>
      </c>
      <c r="S31" s="330">
        <v>143184170</v>
      </c>
      <c r="T31" s="330">
        <v>356</v>
      </c>
      <c r="U31" s="330">
        <v>13976</v>
      </c>
      <c r="V31" s="330">
        <v>9380461</v>
      </c>
      <c r="W31" s="330">
        <v>80</v>
      </c>
      <c r="X31" s="330">
        <v>586</v>
      </c>
      <c r="Y31" s="330">
        <v>6732160</v>
      </c>
      <c r="Z31" s="330">
        <v>35970</v>
      </c>
      <c r="AA31" s="329">
        <v>737552578</v>
      </c>
      <c r="AB31" s="364">
        <v>25</v>
      </c>
      <c r="AC31" s="702" t="s">
        <v>432</v>
      </c>
      <c r="AD31" s="370">
        <v>0</v>
      </c>
      <c r="AE31" s="370">
        <v>553</v>
      </c>
      <c r="AF31" s="370">
        <v>5732469</v>
      </c>
      <c r="AG31" s="370">
        <v>0</v>
      </c>
      <c r="AH31" s="370">
        <v>0</v>
      </c>
      <c r="AI31" s="370">
        <v>0</v>
      </c>
      <c r="AJ31" s="370">
        <v>0</v>
      </c>
      <c r="AK31" s="369">
        <v>36523</v>
      </c>
      <c r="AL31" s="743">
        <v>743285047</v>
      </c>
      <c r="AM31" s="371">
        <v>562294325</v>
      </c>
      <c r="AN31" s="370">
        <v>172251227</v>
      </c>
      <c r="AO31" s="370">
        <v>8739495</v>
      </c>
      <c r="AP31" s="369">
        <v>4120</v>
      </c>
      <c r="AQ31" s="450">
        <v>74058982</v>
      </c>
    </row>
    <row r="32" spans="1:43" s="506" customFormat="1" ht="12.75" customHeight="1" x14ac:dyDescent="0.15">
      <c r="A32" s="332">
        <v>26</v>
      </c>
      <c r="B32" s="697" t="s">
        <v>502</v>
      </c>
      <c r="C32" s="330">
        <v>348</v>
      </c>
      <c r="D32" s="330">
        <v>4652</v>
      </c>
      <c r="E32" s="330">
        <v>210820120</v>
      </c>
      <c r="F32" s="330">
        <v>13600</v>
      </c>
      <c r="G32" s="330">
        <v>19006</v>
      </c>
      <c r="H32" s="330">
        <v>217634210</v>
      </c>
      <c r="I32" s="330">
        <v>2921</v>
      </c>
      <c r="J32" s="330">
        <v>5402</v>
      </c>
      <c r="K32" s="330">
        <v>43157790</v>
      </c>
      <c r="L32" s="330">
        <v>16869</v>
      </c>
      <c r="M32" s="330">
        <v>29060</v>
      </c>
      <c r="N32" s="329">
        <v>471612120</v>
      </c>
      <c r="O32" s="364">
        <v>26</v>
      </c>
      <c r="P32" s="702" t="s">
        <v>502</v>
      </c>
      <c r="Q32" s="330">
        <v>9995</v>
      </c>
      <c r="R32" s="330">
        <v>11670</v>
      </c>
      <c r="S32" s="330">
        <v>103117630</v>
      </c>
      <c r="T32" s="330">
        <v>324</v>
      </c>
      <c r="U32" s="330">
        <v>11947</v>
      </c>
      <c r="V32" s="330">
        <v>7991266</v>
      </c>
      <c r="W32" s="330">
        <v>49</v>
      </c>
      <c r="X32" s="330">
        <v>279</v>
      </c>
      <c r="Y32" s="330">
        <v>3130950</v>
      </c>
      <c r="Z32" s="330">
        <v>26913</v>
      </c>
      <c r="AA32" s="329">
        <v>585851966</v>
      </c>
      <c r="AB32" s="332">
        <v>26</v>
      </c>
      <c r="AC32" s="697" t="s">
        <v>502</v>
      </c>
      <c r="AD32" s="456">
        <v>6</v>
      </c>
      <c r="AE32" s="456">
        <v>335</v>
      </c>
      <c r="AF32" s="456">
        <v>3504524</v>
      </c>
      <c r="AG32" s="456">
        <v>0</v>
      </c>
      <c r="AH32" s="456">
        <v>0</v>
      </c>
      <c r="AI32" s="456">
        <v>0</v>
      </c>
      <c r="AJ32" s="456">
        <v>0</v>
      </c>
      <c r="AK32" s="725">
        <v>27254</v>
      </c>
      <c r="AL32" s="724">
        <v>589356490</v>
      </c>
      <c r="AM32" s="742">
        <v>442685740</v>
      </c>
      <c r="AN32" s="456">
        <v>141159385</v>
      </c>
      <c r="AO32" s="456">
        <v>5511365</v>
      </c>
      <c r="AP32" s="725">
        <v>1464</v>
      </c>
      <c r="AQ32" s="459">
        <v>63502498</v>
      </c>
    </row>
    <row r="33" spans="1:47" s="506" customFormat="1" ht="12.75" customHeight="1" x14ac:dyDescent="0.15">
      <c r="A33" s="332">
        <v>27</v>
      </c>
      <c r="B33" s="697" t="s">
        <v>501</v>
      </c>
      <c r="C33" s="330">
        <v>555</v>
      </c>
      <c r="D33" s="330">
        <v>9787</v>
      </c>
      <c r="E33" s="330">
        <v>306498430</v>
      </c>
      <c r="F33" s="330">
        <v>16179</v>
      </c>
      <c r="G33" s="330">
        <v>22999</v>
      </c>
      <c r="H33" s="330">
        <v>259171700</v>
      </c>
      <c r="I33" s="330">
        <v>3412</v>
      </c>
      <c r="J33" s="330">
        <v>6527</v>
      </c>
      <c r="K33" s="330">
        <v>46369110</v>
      </c>
      <c r="L33" s="330">
        <v>20146</v>
      </c>
      <c r="M33" s="330">
        <v>39313</v>
      </c>
      <c r="N33" s="329">
        <v>612039240</v>
      </c>
      <c r="O33" s="364">
        <v>27</v>
      </c>
      <c r="P33" s="697" t="s">
        <v>501</v>
      </c>
      <c r="Q33" s="330">
        <v>12760</v>
      </c>
      <c r="R33" s="330">
        <v>15104</v>
      </c>
      <c r="S33" s="330">
        <v>151441000</v>
      </c>
      <c r="T33" s="330">
        <v>519</v>
      </c>
      <c r="U33" s="330">
        <v>27068</v>
      </c>
      <c r="V33" s="330">
        <v>18140722</v>
      </c>
      <c r="W33" s="330">
        <v>52</v>
      </c>
      <c r="X33" s="330">
        <v>457</v>
      </c>
      <c r="Y33" s="330">
        <v>5058130</v>
      </c>
      <c r="Z33" s="330">
        <v>32958</v>
      </c>
      <c r="AA33" s="329">
        <v>786679092</v>
      </c>
      <c r="AB33" s="332">
        <v>27</v>
      </c>
      <c r="AC33" s="697" t="s">
        <v>501</v>
      </c>
      <c r="AD33" s="456">
        <v>3</v>
      </c>
      <c r="AE33" s="456">
        <v>507</v>
      </c>
      <c r="AF33" s="456">
        <v>6434751</v>
      </c>
      <c r="AG33" s="456">
        <v>0</v>
      </c>
      <c r="AH33" s="456">
        <v>0</v>
      </c>
      <c r="AI33" s="456">
        <v>0</v>
      </c>
      <c r="AJ33" s="456">
        <v>0</v>
      </c>
      <c r="AK33" s="725">
        <v>33468</v>
      </c>
      <c r="AL33" s="724">
        <v>793113843</v>
      </c>
      <c r="AM33" s="742">
        <v>593293335</v>
      </c>
      <c r="AN33" s="456">
        <v>189039198</v>
      </c>
      <c r="AO33" s="456">
        <v>10781310</v>
      </c>
      <c r="AP33" s="725">
        <v>1858</v>
      </c>
      <c r="AQ33" s="459">
        <v>85710364</v>
      </c>
    </row>
    <row r="34" spans="1:47" s="506" customFormat="1" ht="12.75" customHeight="1" x14ac:dyDescent="0.15">
      <c r="A34" s="332">
        <v>28</v>
      </c>
      <c r="B34" s="697" t="s">
        <v>500</v>
      </c>
      <c r="C34" s="330">
        <v>383</v>
      </c>
      <c r="D34" s="330">
        <v>5079</v>
      </c>
      <c r="E34" s="330">
        <v>213113110</v>
      </c>
      <c r="F34" s="330">
        <v>17731</v>
      </c>
      <c r="G34" s="330">
        <v>25717</v>
      </c>
      <c r="H34" s="330">
        <v>297763220</v>
      </c>
      <c r="I34" s="330">
        <v>3460</v>
      </c>
      <c r="J34" s="330">
        <v>6523</v>
      </c>
      <c r="K34" s="330">
        <v>52405820</v>
      </c>
      <c r="L34" s="330">
        <v>21574</v>
      </c>
      <c r="M34" s="330">
        <v>37319</v>
      </c>
      <c r="N34" s="329">
        <v>563282150</v>
      </c>
      <c r="O34" s="364">
        <v>28</v>
      </c>
      <c r="P34" s="697" t="s">
        <v>500</v>
      </c>
      <c r="Q34" s="330">
        <v>13603</v>
      </c>
      <c r="R34" s="330">
        <v>15914</v>
      </c>
      <c r="S34" s="330">
        <v>164723060</v>
      </c>
      <c r="T34" s="330">
        <v>348</v>
      </c>
      <c r="U34" s="330">
        <v>13293</v>
      </c>
      <c r="V34" s="330">
        <v>8867150</v>
      </c>
      <c r="W34" s="330">
        <v>68</v>
      </c>
      <c r="X34" s="330">
        <v>528</v>
      </c>
      <c r="Y34" s="330">
        <v>5266670</v>
      </c>
      <c r="Z34" s="330">
        <v>35245</v>
      </c>
      <c r="AA34" s="329">
        <v>742139030</v>
      </c>
      <c r="AB34" s="332">
        <v>28</v>
      </c>
      <c r="AC34" s="697" t="s">
        <v>500</v>
      </c>
      <c r="AD34" s="456">
        <v>0</v>
      </c>
      <c r="AE34" s="456">
        <v>444</v>
      </c>
      <c r="AF34" s="456">
        <v>5029491</v>
      </c>
      <c r="AG34" s="456">
        <v>0</v>
      </c>
      <c r="AH34" s="456">
        <v>0</v>
      </c>
      <c r="AI34" s="456">
        <v>0</v>
      </c>
      <c r="AJ34" s="456">
        <v>0</v>
      </c>
      <c r="AK34" s="725">
        <v>35689</v>
      </c>
      <c r="AL34" s="724">
        <v>747168521</v>
      </c>
      <c r="AM34" s="742">
        <v>565932767</v>
      </c>
      <c r="AN34" s="456">
        <v>168446300</v>
      </c>
      <c r="AO34" s="456">
        <v>12789454</v>
      </c>
      <c r="AP34" s="725">
        <v>1508</v>
      </c>
      <c r="AQ34" s="459">
        <v>69515122</v>
      </c>
    </row>
    <row r="35" spans="1:47" s="506" customFormat="1" ht="12.75" customHeight="1" x14ac:dyDescent="0.15">
      <c r="A35" s="332">
        <v>29</v>
      </c>
      <c r="B35" s="697" t="s">
        <v>499</v>
      </c>
      <c r="C35" s="330">
        <v>421</v>
      </c>
      <c r="D35" s="330">
        <v>6158</v>
      </c>
      <c r="E35" s="330">
        <v>237354480</v>
      </c>
      <c r="F35" s="330">
        <v>13304</v>
      </c>
      <c r="G35" s="330">
        <v>20232</v>
      </c>
      <c r="H35" s="330">
        <v>217537500</v>
      </c>
      <c r="I35" s="330">
        <v>2559</v>
      </c>
      <c r="J35" s="330">
        <v>4698</v>
      </c>
      <c r="K35" s="330">
        <v>37786900</v>
      </c>
      <c r="L35" s="330">
        <v>16284</v>
      </c>
      <c r="M35" s="330">
        <v>31088</v>
      </c>
      <c r="N35" s="329">
        <v>492678880</v>
      </c>
      <c r="O35" s="364">
        <v>29</v>
      </c>
      <c r="P35" s="697" t="s">
        <v>499</v>
      </c>
      <c r="Q35" s="330">
        <v>9057</v>
      </c>
      <c r="R35" s="330">
        <v>11662</v>
      </c>
      <c r="S35" s="330">
        <v>126737700</v>
      </c>
      <c r="T35" s="330">
        <v>395</v>
      </c>
      <c r="U35" s="330">
        <v>15771</v>
      </c>
      <c r="V35" s="330">
        <v>10464305</v>
      </c>
      <c r="W35" s="330">
        <v>10</v>
      </c>
      <c r="X35" s="330">
        <v>67</v>
      </c>
      <c r="Y35" s="330">
        <v>1294060</v>
      </c>
      <c r="Z35" s="330">
        <v>25351</v>
      </c>
      <c r="AA35" s="329">
        <v>631174945</v>
      </c>
      <c r="AB35" s="332">
        <v>29</v>
      </c>
      <c r="AC35" s="697" t="s">
        <v>499</v>
      </c>
      <c r="AD35" s="456">
        <v>0</v>
      </c>
      <c r="AE35" s="456">
        <v>256</v>
      </c>
      <c r="AF35" s="456">
        <v>2608855</v>
      </c>
      <c r="AG35" s="456">
        <v>0</v>
      </c>
      <c r="AH35" s="456">
        <v>0</v>
      </c>
      <c r="AI35" s="456">
        <v>0</v>
      </c>
      <c r="AJ35" s="456">
        <v>0</v>
      </c>
      <c r="AK35" s="725">
        <v>25607</v>
      </c>
      <c r="AL35" s="724">
        <v>633783800</v>
      </c>
      <c r="AM35" s="742">
        <v>481806041</v>
      </c>
      <c r="AN35" s="456">
        <v>141231521</v>
      </c>
      <c r="AO35" s="456">
        <v>10746238</v>
      </c>
      <c r="AP35" s="725">
        <v>1427</v>
      </c>
      <c r="AQ35" s="459">
        <v>61017357</v>
      </c>
    </row>
    <row r="36" spans="1:47" s="506" customFormat="1" ht="12.75" customHeight="1" x14ac:dyDescent="0.15">
      <c r="A36" s="332">
        <v>30</v>
      </c>
      <c r="B36" s="697" t="s">
        <v>498</v>
      </c>
      <c r="C36" s="330">
        <v>368</v>
      </c>
      <c r="D36" s="330">
        <v>4882</v>
      </c>
      <c r="E36" s="330">
        <v>232853670</v>
      </c>
      <c r="F36" s="330">
        <v>10764</v>
      </c>
      <c r="G36" s="330">
        <v>14493</v>
      </c>
      <c r="H36" s="330">
        <v>204580000</v>
      </c>
      <c r="I36" s="330">
        <v>1855</v>
      </c>
      <c r="J36" s="330">
        <v>3534</v>
      </c>
      <c r="K36" s="330">
        <v>26342400</v>
      </c>
      <c r="L36" s="330">
        <v>12987</v>
      </c>
      <c r="M36" s="330">
        <v>22909</v>
      </c>
      <c r="N36" s="329">
        <v>463776070</v>
      </c>
      <c r="O36" s="332">
        <v>30</v>
      </c>
      <c r="P36" s="697" t="s">
        <v>498</v>
      </c>
      <c r="Q36" s="330">
        <v>7137</v>
      </c>
      <c r="R36" s="330">
        <v>7925</v>
      </c>
      <c r="S36" s="330">
        <v>87579960</v>
      </c>
      <c r="T36" s="330">
        <v>350</v>
      </c>
      <c r="U36" s="330">
        <v>12758</v>
      </c>
      <c r="V36" s="330">
        <v>8620392</v>
      </c>
      <c r="W36" s="330">
        <v>32</v>
      </c>
      <c r="X36" s="330">
        <v>480</v>
      </c>
      <c r="Y36" s="330">
        <v>7481610</v>
      </c>
      <c r="Z36" s="330">
        <v>20156</v>
      </c>
      <c r="AA36" s="329">
        <v>567458032</v>
      </c>
      <c r="AB36" s="332">
        <v>30</v>
      </c>
      <c r="AC36" s="697" t="s">
        <v>498</v>
      </c>
      <c r="AD36" s="456">
        <v>0</v>
      </c>
      <c r="AE36" s="456">
        <v>306</v>
      </c>
      <c r="AF36" s="456">
        <v>3231399</v>
      </c>
      <c r="AG36" s="456">
        <v>0</v>
      </c>
      <c r="AH36" s="456">
        <v>0</v>
      </c>
      <c r="AI36" s="456">
        <v>0</v>
      </c>
      <c r="AJ36" s="456">
        <v>0</v>
      </c>
      <c r="AK36" s="725">
        <v>20462</v>
      </c>
      <c r="AL36" s="724">
        <v>570689431</v>
      </c>
      <c r="AM36" s="742">
        <v>432509957</v>
      </c>
      <c r="AN36" s="456">
        <v>131841578</v>
      </c>
      <c r="AO36" s="456">
        <v>6337896</v>
      </c>
      <c r="AP36" s="725">
        <v>1416</v>
      </c>
      <c r="AQ36" s="459">
        <v>65775309</v>
      </c>
    </row>
    <row r="37" spans="1:47" s="506" customFormat="1" ht="12.75" customHeight="1" x14ac:dyDescent="0.15">
      <c r="A37" s="332">
        <v>31</v>
      </c>
      <c r="B37" s="697" t="s">
        <v>497</v>
      </c>
      <c r="C37" s="330">
        <v>939</v>
      </c>
      <c r="D37" s="330">
        <v>12071</v>
      </c>
      <c r="E37" s="330">
        <v>552903960</v>
      </c>
      <c r="F37" s="330">
        <v>32666</v>
      </c>
      <c r="G37" s="330">
        <v>44026</v>
      </c>
      <c r="H37" s="330">
        <v>562654045</v>
      </c>
      <c r="I37" s="330">
        <v>5629</v>
      </c>
      <c r="J37" s="330">
        <v>10099</v>
      </c>
      <c r="K37" s="330">
        <v>83714840</v>
      </c>
      <c r="L37" s="330">
        <v>39234</v>
      </c>
      <c r="M37" s="330">
        <v>66196</v>
      </c>
      <c r="N37" s="329">
        <v>1199272845</v>
      </c>
      <c r="O37" s="332">
        <v>31</v>
      </c>
      <c r="P37" s="697" t="s">
        <v>497</v>
      </c>
      <c r="Q37" s="330">
        <v>23309</v>
      </c>
      <c r="R37" s="330">
        <v>25788</v>
      </c>
      <c r="S37" s="330">
        <v>259850883</v>
      </c>
      <c r="T37" s="330">
        <v>860</v>
      </c>
      <c r="U37" s="330">
        <v>30580</v>
      </c>
      <c r="V37" s="330">
        <v>20605223</v>
      </c>
      <c r="W37" s="330">
        <v>79</v>
      </c>
      <c r="X37" s="330">
        <v>607</v>
      </c>
      <c r="Y37" s="330">
        <v>6763710</v>
      </c>
      <c r="Z37" s="330">
        <v>62622</v>
      </c>
      <c r="AA37" s="329">
        <v>1486492661</v>
      </c>
      <c r="AB37" s="332">
        <v>31</v>
      </c>
      <c r="AC37" s="697" t="s">
        <v>424</v>
      </c>
      <c r="AD37" s="456">
        <v>9</v>
      </c>
      <c r="AE37" s="456">
        <v>1283</v>
      </c>
      <c r="AF37" s="456">
        <v>15894859</v>
      </c>
      <c r="AG37" s="456">
        <v>0</v>
      </c>
      <c r="AH37" s="456">
        <v>0</v>
      </c>
      <c r="AI37" s="456">
        <v>0</v>
      </c>
      <c r="AJ37" s="456">
        <v>0</v>
      </c>
      <c r="AK37" s="725">
        <v>63914</v>
      </c>
      <c r="AL37" s="724">
        <v>1502387520</v>
      </c>
      <c r="AM37" s="742">
        <v>1137573446</v>
      </c>
      <c r="AN37" s="456">
        <v>353664574</v>
      </c>
      <c r="AO37" s="456">
        <v>11149500</v>
      </c>
      <c r="AP37" s="725">
        <v>3760</v>
      </c>
      <c r="AQ37" s="459">
        <v>153018160</v>
      </c>
    </row>
    <row r="38" spans="1:47" s="506" customFormat="1" ht="12.75" customHeight="1" x14ac:dyDescent="0.15">
      <c r="A38" s="332">
        <v>32</v>
      </c>
      <c r="B38" s="697" t="s">
        <v>423</v>
      </c>
      <c r="C38" s="330">
        <v>1336</v>
      </c>
      <c r="D38" s="330">
        <v>18079</v>
      </c>
      <c r="E38" s="330">
        <v>822865701</v>
      </c>
      <c r="F38" s="330">
        <v>47293</v>
      </c>
      <c r="G38" s="330">
        <v>69687</v>
      </c>
      <c r="H38" s="330">
        <v>792828915</v>
      </c>
      <c r="I38" s="330">
        <v>8010</v>
      </c>
      <c r="J38" s="330">
        <v>15092</v>
      </c>
      <c r="K38" s="330">
        <v>112616360</v>
      </c>
      <c r="L38" s="330">
        <v>56639</v>
      </c>
      <c r="M38" s="330">
        <v>102858</v>
      </c>
      <c r="N38" s="329">
        <v>1728310976</v>
      </c>
      <c r="O38" s="332">
        <v>32</v>
      </c>
      <c r="P38" s="697" t="s">
        <v>423</v>
      </c>
      <c r="Q38" s="330">
        <v>37866</v>
      </c>
      <c r="R38" s="330">
        <v>43801</v>
      </c>
      <c r="S38" s="330">
        <v>542196733</v>
      </c>
      <c r="T38" s="330">
        <v>1216</v>
      </c>
      <c r="U38" s="330">
        <v>44545</v>
      </c>
      <c r="V38" s="330">
        <v>30255608</v>
      </c>
      <c r="W38" s="330">
        <v>220</v>
      </c>
      <c r="X38" s="330">
        <v>1263</v>
      </c>
      <c r="Y38" s="330">
        <v>13328940</v>
      </c>
      <c r="Z38" s="330">
        <v>94725</v>
      </c>
      <c r="AA38" s="329">
        <v>2314092257</v>
      </c>
      <c r="AB38" s="332">
        <v>32</v>
      </c>
      <c r="AC38" s="697" t="s">
        <v>423</v>
      </c>
      <c r="AD38" s="456">
        <v>0</v>
      </c>
      <c r="AE38" s="456">
        <v>1956</v>
      </c>
      <c r="AF38" s="456">
        <v>26431080</v>
      </c>
      <c r="AG38" s="456">
        <v>0</v>
      </c>
      <c r="AH38" s="456">
        <v>0</v>
      </c>
      <c r="AI38" s="456">
        <v>0</v>
      </c>
      <c r="AJ38" s="456">
        <v>0</v>
      </c>
      <c r="AK38" s="725">
        <v>96681</v>
      </c>
      <c r="AL38" s="724">
        <v>2340523337</v>
      </c>
      <c r="AM38" s="742">
        <v>1762773916</v>
      </c>
      <c r="AN38" s="456">
        <v>540997756</v>
      </c>
      <c r="AO38" s="456">
        <v>36751665</v>
      </c>
      <c r="AP38" s="725">
        <v>5560</v>
      </c>
      <c r="AQ38" s="459">
        <v>257898252</v>
      </c>
    </row>
    <row r="39" spans="1:47" s="506" customFormat="1" ht="12.75" customHeight="1" thickBot="1" x14ac:dyDescent="0.2">
      <c r="A39" s="332">
        <v>33</v>
      </c>
      <c r="B39" s="697" t="s">
        <v>496</v>
      </c>
      <c r="C39" s="727">
        <v>130</v>
      </c>
      <c r="D39" s="727">
        <v>1790</v>
      </c>
      <c r="E39" s="727">
        <v>75377480</v>
      </c>
      <c r="F39" s="727">
        <v>4050</v>
      </c>
      <c r="G39" s="727">
        <v>6055</v>
      </c>
      <c r="H39" s="727">
        <v>62911350</v>
      </c>
      <c r="I39" s="727">
        <v>927</v>
      </c>
      <c r="J39" s="727">
        <v>1638</v>
      </c>
      <c r="K39" s="727">
        <v>12616070</v>
      </c>
      <c r="L39" s="727">
        <v>5107</v>
      </c>
      <c r="M39" s="727">
        <v>9483</v>
      </c>
      <c r="N39" s="726">
        <v>150904900</v>
      </c>
      <c r="O39" s="332">
        <v>33</v>
      </c>
      <c r="P39" s="697" t="s">
        <v>496</v>
      </c>
      <c r="Q39" s="727">
        <v>2252</v>
      </c>
      <c r="R39" s="727">
        <v>2570</v>
      </c>
      <c r="S39" s="727">
        <v>36613120</v>
      </c>
      <c r="T39" s="727">
        <v>124</v>
      </c>
      <c r="U39" s="727">
        <v>4825</v>
      </c>
      <c r="V39" s="727">
        <v>3239040</v>
      </c>
      <c r="W39" s="727">
        <v>12</v>
      </c>
      <c r="X39" s="727">
        <v>52</v>
      </c>
      <c r="Y39" s="727">
        <v>551940</v>
      </c>
      <c r="Z39" s="727">
        <v>7371</v>
      </c>
      <c r="AA39" s="726">
        <v>191309000</v>
      </c>
      <c r="AB39" s="332">
        <v>33</v>
      </c>
      <c r="AC39" s="697" t="s">
        <v>496</v>
      </c>
      <c r="AD39" s="456">
        <v>0</v>
      </c>
      <c r="AE39" s="456">
        <v>58</v>
      </c>
      <c r="AF39" s="456">
        <v>477090</v>
      </c>
      <c r="AG39" s="456">
        <v>0</v>
      </c>
      <c r="AH39" s="456">
        <v>0</v>
      </c>
      <c r="AI39" s="456">
        <v>0</v>
      </c>
      <c r="AJ39" s="456">
        <v>0</v>
      </c>
      <c r="AK39" s="725">
        <v>7429</v>
      </c>
      <c r="AL39" s="724">
        <v>191786090</v>
      </c>
      <c r="AM39" s="742">
        <v>142432155</v>
      </c>
      <c r="AN39" s="456">
        <v>46009581</v>
      </c>
      <c r="AO39" s="456">
        <v>3344354</v>
      </c>
      <c r="AP39" s="725">
        <v>411</v>
      </c>
      <c r="AQ39" s="459">
        <v>18612197</v>
      </c>
    </row>
    <row r="40" spans="1:47" s="506" customFormat="1" ht="12.75" customHeight="1" thickTop="1" thickBot="1" x14ac:dyDescent="0.2">
      <c r="A40" s="970" t="s">
        <v>261</v>
      </c>
      <c r="B40" s="971"/>
      <c r="C40" s="701">
        <v>207592</v>
      </c>
      <c r="D40" s="701">
        <v>2751162</v>
      </c>
      <c r="E40" s="701">
        <v>133263845620</v>
      </c>
      <c r="F40" s="701">
        <v>8366393</v>
      </c>
      <c r="G40" s="701">
        <v>12776326</v>
      </c>
      <c r="H40" s="701">
        <v>137140998840</v>
      </c>
      <c r="I40" s="701">
        <v>1768170</v>
      </c>
      <c r="J40" s="701">
        <v>3159939</v>
      </c>
      <c r="K40" s="701">
        <v>24398428071</v>
      </c>
      <c r="L40" s="701">
        <v>10342155</v>
      </c>
      <c r="M40" s="701">
        <v>18687427</v>
      </c>
      <c r="N40" s="700">
        <v>294803272531</v>
      </c>
      <c r="O40" s="970" t="s">
        <v>261</v>
      </c>
      <c r="P40" s="971"/>
      <c r="Q40" s="741">
        <v>6293386</v>
      </c>
      <c r="R40" s="701">
        <v>7277728</v>
      </c>
      <c r="S40" s="740">
        <v>78099284898</v>
      </c>
      <c r="T40" s="739">
        <v>189274</v>
      </c>
      <c r="U40" s="701">
        <v>6927771</v>
      </c>
      <c r="V40" s="701">
        <v>4659902393</v>
      </c>
      <c r="W40" s="701">
        <v>29804</v>
      </c>
      <c r="X40" s="701">
        <v>234509</v>
      </c>
      <c r="Y40" s="701">
        <v>2796373330</v>
      </c>
      <c r="Z40" s="701">
        <v>16665345</v>
      </c>
      <c r="AA40" s="700">
        <v>380358833152</v>
      </c>
      <c r="AB40" s="970" t="s">
        <v>261</v>
      </c>
      <c r="AC40" s="971"/>
      <c r="AD40" s="701">
        <v>1727</v>
      </c>
      <c r="AE40" s="701">
        <v>308076</v>
      </c>
      <c r="AF40" s="701">
        <v>3612426658</v>
      </c>
      <c r="AG40" s="701">
        <v>168</v>
      </c>
      <c r="AH40" s="701">
        <v>8752731</v>
      </c>
      <c r="AI40" s="701">
        <v>12</v>
      </c>
      <c r="AJ40" s="701">
        <v>591705</v>
      </c>
      <c r="AK40" s="701">
        <v>16975160</v>
      </c>
      <c r="AL40" s="738">
        <v>383971851515</v>
      </c>
      <c r="AM40" s="737">
        <v>289711998092</v>
      </c>
      <c r="AN40" s="698">
        <v>88487926460</v>
      </c>
      <c r="AO40" s="698">
        <v>5771926963</v>
      </c>
      <c r="AP40" s="698">
        <v>1004668</v>
      </c>
      <c r="AQ40" s="699">
        <v>39357254069</v>
      </c>
      <c r="AU40" s="640" t="e">
        <v>#REF!</v>
      </c>
    </row>
    <row r="41" spans="1:47" s="506" customFormat="1" ht="12.75" customHeight="1" thickTop="1" x14ac:dyDescent="0.15">
      <c r="A41" s="332">
        <v>301</v>
      </c>
      <c r="B41" s="697" t="s">
        <v>495</v>
      </c>
      <c r="C41" s="736">
        <v>254</v>
      </c>
      <c r="D41" s="736">
        <v>2275</v>
      </c>
      <c r="E41" s="736">
        <v>180828660</v>
      </c>
      <c r="F41" s="736">
        <v>12437</v>
      </c>
      <c r="G41" s="736">
        <v>17615</v>
      </c>
      <c r="H41" s="736">
        <v>221027630</v>
      </c>
      <c r="I41" s="736">
        <v>4186</v>
      </c>
      <c r="J41" s="736">
        <v>6751</v>
      </c>
      <c r="K41" s="736">
        <v>49766050</v>
      </c>
      <c r="L41" s="736">
        <v>16877</v>
      </c>
      <c r="M41" s="736">
        <v>26641</v>
      </c>
      <c r="N41" s="735">
        <v>451622340</v>
      </c>
      <c r="O41" s="332">
        <v>301</v>
      </c>
      <c r="P41" s="697" t="s">
        <v>495</v>
      </c>
      <c r="Q41" s="736">
        <v>8244</v>
      </c>
      <c r="R41" s="736">
        <v>9764</v>
      </c>
      <c r="S41" s="736">
        <v>163736740</v>
      </c>
      <c r="T41" s="736">
        <v>227</v>
      </c>
      <c r="U41" s="736">
        <v>5243</v>
      </c>
      <c r="V41" s="736">
        <v>3588457</v>
      </c>
      <c r="W41" s="736">
        <v>37</v>
      </c>
      <c r="X41" s="736">
        <v>202</v>
      </c>
      <c r="Y41" s="736">
        <v>2160830</v>
      </c>
      <c r="Z41" s="736">
        <v>25158</v>
      </c>
      <c r="AA41" s="735">
        <v>621108367</v>
      </c>
      <c r="AB41" s="332">
        <v>301</v>
      </c>
      <c r="AC41" s="697" t="s">
        <v>495</v>
      </c>
      <c r="AD41" s="456">
        <v>0</v>
      </c>
      <c r="AE41" s="456">
        <v>377</v>
      </c>
      <c r="AF41" s="456">
        <v>2740167</v>
      </c>
      <c r="AG41" s="456">
        <v>0</v>
      </c>
      <c r="AH41" s="456">
        <v>0</v>
      </c>
      <c r="AI41" s="456">
        <v>0</v>
      </c>
      <c r="AJ41" s="456">
        <v>0</v>
      </c>
      <c r="AK41" s="725">
        <v>25535</v>
      </c>
      <c r="AL41" s="724">
        <v>623848534</v>
      </c>
      <c r="AM41" s="734">
        <v>440930049</v>
      </c>
      <c r="AN41" s="733">
        <v>174107656</v>
      </c>
      <c r="AO41" s="733">
        <v>8810829</v>
      </c>
      <c r="AP41" s="732">
        <v>363</v>
      </c>
      <c r="AQ41" s="731">
        <v>37021669</v>
      </c>
      <c r="AU41" s="640" t="e">
        <v>#REF!</v>
      </c>
    </row>
    <row r="42" spans="1:47" s="506" customFormat="1" ht="12.75" customHeight="1" x14ac:dyDescent="0.15">
      <c r="A42" s="332">
        <v>302</v>
      </c>
      <c r="B42" s="697" t="s">
        <v>494</v>
      </c>
      <c r="C42" s="330">
        <v>256</v>
      </c>
      <c r="D42" s="330">
        <v>1971</v>
      </c>
      <c r="E42" s="330">
        <v>159606650</v>
      </c>
      <c r="F42" s="330">
        <v>14349</v>
      </c>
      <c r="G42" s="330">
        <v>20443</v>
      </c>
      <c r="H42" s="330">
        <v>296871900</v>
      </c>
      <c r="I42" s="330">
        <v>1091</v>
      </c>
      <c r="J42" s="330">
        <v>1806</v>
      </c>
      <c r="K42" s="330">
        <v>19332740</v>
      </c>
      <c r="L42" s="330">
        <v>15696</v>
      </c>
      <c r="M42" s="330">
        <v>24220</v>
      </c>
      <c r="N42" s="329">
        <v>475811290</v>
      </c>
      <c r="O42" s="332">
        <v>302</v>
      </c>
      <c r="P42" s="697" t="s">
        <v>494</v>
      </c>
      <c r="Q42" s="330">
        <v>10200</v>
      </c>
      <c r="R42" s="330">
        <v>11481</v>
      </c>
      <c r="S42" s="330">
        <v>165969280</v>
      </c>
      <c r="T42" s="330">
        <v>235</v>
      </c>
      <c r="U42" s="330">
        <v>4532</v>
      </c>
      <c r="V42" s="330">
        <v>3053475</v>
      </c>
      <c r="W42" s="330">
        <v>73</v>
      </c>
      <c r="X42" s="330">
        <v>591</v>
      </c>
      <c r="Y42" s="330">
        <v>6047690</v>
      </c>
      <c r="Z42" s="330">
        <v>25969</v>
      </c>
      <c r="AA42" s="329">
        <v>650881735</v>
      </c>
      <c r="AB42" s="332">
        <v>302</v>
      </c>
      <c r="AC42" s="697" t="s">
        <v>494</v>
      </c>
      <c r="AD42" s="456">
        <v>0</v>
      </c>
      <c r="AE42" s="456">
        <v>258</v>
      </c>
      <c r="AF42" s="456">
        <v>3952064</v>
      </c>
      <c r="AG42" s="456">
        <v>0</v>
      </c>
      <c r="AH42" s="456">
        <v>0</v>
      </c>
      <c r="AI42" s="456">
        <v>0</v>
      </c>
      <c r="AJ42" s="456">
        <v>0</v>
      </c>
      <c r="AK42" s="725">
        <v>26227</v>
      </c>
      <c r="AL42" s="724">
        <v>654833799</v>
      </c>
      <c r="AM42" s="730">
        <v>470376720</v>
      </c>
      <c r="AN42" s="729">
        <v>174561280</v>
      </c>
      <c r="AO42" s="729">
        <v>9895799</v>
      </c>
      <c r="AP42" s="729">
        <v>743</v>
      </c>
      <c r="AQ42" s="728">
        <v>51695809</v>
      </c>
      <c r="AU42" s="640" t="e">
        <v>#REF!</v>
      </c>
    </row>
    <row r="43" spans="1:47" s="506" customFormat="1" ht="12.75" customHeight="1" x14ac:dyDescent="0.15">
      <c r="A43" s="332">
        <v>303</v>
      </c>
      <c r="B43" s="697" t="s">
        <v>493</v>
      </c>
      <c r="C43" s="330">
        <v>482</v>
      </c>
      <c r="D43" s="330">
        <v>5170</v>
      </c>
      <c r="E43" s="330">
        <v>344669140</v>
      </c>
      <c r="F43" s="330">
        <v>26773</v>
      </c>
      <c r="G43" s="330">
        <v>40458</v>
      </c>
      <c r="H43" s="330">
        <v>442615840</v>
      </c>
      <c r="I43" s="330">
        <v>6440</v>
      </c>
      <c r="J43" s="330">
        <v>12270</v>
      </c>
      <c r="K43" s="330">
        <v>94192130</v>
      </c>
      <c r="L43" s="330">
        <v>33695</v>
      </c>
      <c r="M43" s="330">
        <v>57898</v>
      </c>
      <c r="N43" s="329">
        <v>881477110</v>
      </c>
      <c r="O43" s="332">
        <v>303</v>
      </c>
      <c r="P43" s="697" t="s">
        <v>493</v>
      </c>
      <c r="Q43" s="330">
        <v>19900</v>
      </c>
      <c r="R43" s="330">
        <v>23166</v>
      </c>
      <c r="S43" s="330">
        <v>269803440</v>
      </c>
      <c r="T43" s="330">
        <v>440</v>
      </c>
      <c r="U43" s="330">
        <v>11159</v>
      </c>
      <c r="V43" s="330">
        <v>7729452</v>
      </c>
      <c r="W43" s="330">
        <v>50</v>
      </c>
      <c r="X43" s="330">
        <v>365</v>
      </c>
      <c r="Y43" s="330">
        <v>3816070</v>
      </c>
      <c r="Z43" s="330">
        <v>53645</v>
      </c>
      <c r="AA43" s="329">
        <v>1162826072</v>
      </c>
      <c r="AB43" s="332">
        <v>303</v>
      </c>
      <c r="AC43" s="697" t="s">
        <v>493</v>
      </c>
      <c r="AD43" s="456">
        <v>0</v>
      </c>
      <c r="AE43" s="456">
        <v>1920</v>
      </c>
      <c r="AF43" s="456">
        <v>19121784</v>
      </c>
      <c r="AG43" s="456">
        <v>0</v>
      </c>
      <c r="AH43" s="456">
        <v>0</v>
      </c>
      <c r="AI43" s="456">
        <v>0</v>
      </c>
      <c r="AJ43" s="456">
        <v>0</v>
      </c>
      <c r="AK43" s="725">
        <v>55565</v>
      </c>
      <c r="AL43" s="724">
        <v>1181947856</v>
      </c>
      <c r="AM43" s="723">
        <v>873370538</v>
      </c>
      <c r="AN43" s="325">
        <v>290791441</v>
      </c>
      <c r="AO43" s="325">
        <v>17785877</v>
      </c>
      <c r="AP43" s="325">
        <v>1288</v>
      </c>
      <c r="AQ43" s="306">
        <v>99043118</v>
      </c>
      <c r="AU43" s="640" t="e">
        <v>#REF!</v>
      </c>
    </row>
    <row r="44" spans="1:47" s="506" customFormat="1" ht="12.75" customHeight="1" x14ac:dyDescent="0.15">
      <c r="A44" s="332">
        <v>304</v>
      </c>
      <c r="B44" s="697" t="s">
        <v>492</v>
      </c>
      <c r="C44" s="330">
        <v>81</v>
      </c>
      <c r="D44" s="330">
        <v>960</v>
      </c>
      <c r="E44" s="330">
        <v>48351120</v>
      </c>
      <c r="F44" s="330">
        <v>4246</v>
      </c>
      <c r="G44" s="330">
        <v>6308</v>
      </c>
      <c r="H44" s="330">
        <v>56658630</v>
      </c>
      <c r="I44" s="330">
        <v>991</v>
      </c>
      <c r="J44" s="330">
        <v>1621</v>
      </c>
      <c r="K44" s="330">
        <v>11318120</v>
      </c>
      <c r="L44" s="330">
        <v>5318</v>
      </c>
      <c r="M44" s="330">
        <v>8889</v>
      </c>
      <c r="N44" s="329">
        <v>116327870</v>
      </c>
      <c r="O44" s="332">
        <v>304</v>
      </c>
      <c r="P44" s="697" t="s">
        <v>492</v>
      </c>
      <c r="Q44" s="330">
        <v>3269</v>
      </c>
      <c r="R44" s="330">
        <v>3933</v>
      </c>
      <c r="S44" s="330">
        <v>44353720</v>
      </c>
      <c r="T44" s="330">
        <v>74</v>
      </c>
      <c r="U44" s="330">
        <v>2444</v>
      </c>
      <c r="V44" s="330">
        <v>1616483</v>
      </c>
      <c r="W44" s="330">
        <v>7</v>
      </c>
      <c r="X44" s="330">
        <v>52</v>
      </c>
      <c r="Y44" s="330">
        <v>519760</v>
      </c>
      <c r="Z44" s="330">
        <v>8594</v>
      </c>
      <c r="AA44" s="329">
        <v>162817833</v>
      </c>
      <c r="AB44" s="332">
        <v>304</v>
      </c>
      <c r="AC44" s="697" t="s">
        <v>491</v>
      </c>
      <c r="AD44" s="456">
        <v>0</v>
      </c>
      <c r="AE44" s="456">
        <v>122</v>
      </c>
      <c r="AF44" s="456">
        <v>1596027</v>
      </c>
      <c r="AG44" s="456">
        <v>0</v>
      </c>
      <c r="AH44" s="456">
        <v>0</v>
      </c>
      <c r="AI44" s="456">
        <v>0</v>
      </c>
      <c r="AJ44" s="456">
        <v>0</v>
      </c>
      <c r="AK44" s="725">
        <v>8716</v>
      </c>
      <c r="AL44" s="724">
        <v>164413860</v>
      </c>
      <c r="AM44" s="723">
        <v>116400682</v>
      </c>
      <c r="AN44" s="325">
        <v>43600291</v>
      </c>
      <c r="AO44" s="325">
        <v>4412887</v>
      </c>
      <c r="AP44" s="325">
        <v>141</v>
      </c>
      <c r="AQ44" s="306">
        <v>9427855</v>
      </c>
      <c r="AU44" s="640" t="e">
        <v>#REF!</v>
      </c>
    </row>
    <row r="45" spans="1:47" s="506" customFormat="1" ht="12.75" customHeight="1" x14ac:dyDescent="0.15">
      <c r="A45" s="332">
        <v>305</v>
      </c>
      <c r="B45" s="697" t="s">
        <v>489</v>
      </c>
      <c r="C45" s="330">
        <v>266</v>
      </c>
      <c r="D45" s="330">
        <v>2803</v>
      </c>
      <c r="E45" s="330">
        <v>153961720</v>
      </c>
      <c r="F45" s="330">
        <v>11010</v>
      </c>
      <c r="G45" s="330">
        <v>15691</v>
      </c>
      <c r="H45" s="330">
        <v>161708930</v>
      </c>
      <c r="I45" s="330">
        <v>2017</v>
      </c>
      <c r="J45" s="330">
        <v>3707</v>
      </c>
      <c r="K45" s="330">
        <v>28473730</v>
      </c>
      <c r="L45" s="330">
        <v>13293</v>
      </c>
      <c r="M45" s="330">
        <v>22201</v>
      </c>
      <c r="N45" s="329">
        <v>344144380</v>
      </c>
      <c r="O45" s="332">
        <v>305</v>
      </c>
      <c r="P45" s="697" t="s">
        <v>490</v>
      </c>
      <c r="Q45" s="330">
        <v>8245</v>
      </c>
      <c r="R45" s="330">
        <v>9529</v>
      </c>
      <c r="S45" s="330">
        <v>104305570</v>
      </c>
      <c r="T45" s="330">
        <v>234</v>
      </c>
      <c r="U45" s="330">
        <v>7109</v>
      </c>
      <c r="V45" s="330">
        <v>4778647</v>
      </c>
      <c r="W45" s="330">
        <v>40</v>
      </c>
      <c r="X45" s="330">
        <v>394</v>
      </c>
      <c r="Y45" s="330">
        <v>5147830</v>
      </c>
      <c r="Z45" s="330">
        <v>21578</v>
      </c>
      <c r="AA45" s="329">
        <v>458376427</v>
      </c>
      <c r="AB45" s="332">
        <v>305</v>
      </c>
      <c r="AC45" s="697" t="s">
        <v>489</v>
      </c>
      <c r="AD45" s="456">
        <v>0</v>
      </c>
      <c r="AE45" s="456">
        <v>441</v>
      </c>
      <c r="AF45" s="456">
        <v>5126327</v>
      </c>
      <c r="AG45" s="456">
        <v>0</v>
      </c>
      <c r="AH45" s="456">
        <v>0</v>
      </c>
      <c r="AI45" s="456">
        <v>0</v>
      </c>
      <c r="AJ45" s="456">
        <v>0</v>
      </c>
      <c r="AK45" s="725">
        <v>22019</v>
      </c>
      <c r="AL45" s="724">
        <v>463502754</v>
      </c>
      <c r="AM45" s="723">
        <v>336760328</v>
      </c>
      <c r="AN45" s="325">
        <v>120257545</v>
      </c>
      <c r="AO45" s="325">
        <v>6484881</v>
      </c>
      <c r="AP45" s="325">
        <v>370</v>
      </c>
      <c r="AQ45" s="306">
        <v>33695509</v>
      </c>
      <c r="AU45" s="640" t="e">
        <v>#REF!</v>
      </c>
    </row>
    <row r="46" spans="1:47" s="506" customFormat="1" ht="12.75" customHeight="1" thickBot="1" x14ac:dyDescent="0.2">
      <c r="A46" s="312">
        <v>306</v>
      </c>
      <c r="B46" s="696" t="s">
        <v>488</v>
      </c>
      <c r="C46" s="727">
        <v>2590</v>
      </c>
      <c r="D46" s="727">
        <v>27895</v>
      </c>
      <c r="E46" s="727">
        <v>1596588883</v>
      </c>
      <c r="F46" s="727">
        <v>93742</v>
      </c>
      <c r="G46" s="727">
        <v>144191</v>
      </c>
      <c r="H46" s="727">
        <v>1605863923</v>
      </c>
      <c r="I46" s="727">
        <v>17232</v>
      </c>
      <c r="J46" s="727">
        <v>32784</v>
      </c>
      <c r="K46" s="727">
        <v>263483612</v>
      </c>
      <c r="L46" s="727">
        <v>113564</v>
      </c>
      <c r="M46" s="727">
        <v>204870</v>
      </c>
      <c r="N46" s="726">
        <v>3465936418</v>
      </c>
      <c r="O46" s="312">
        <v>306</v>
      </c>
      <c r="P46" s="696" t="s">
        <v>488</v>
      </c>
      <c r="Q46" s="727">
        <v>69604</v>
      </c>
      <c r="R46" s="727">
        <v>80460</v>
      </c>
      <c r="S46" s="727">
        <v>967126000</v>
      </c>
      <c r="T46" s="727">
        <v>2338</v>
      </c>
      <c r="U46" s="727">
        <v>68038</v>
      </c>
      <c r="V46" s="727">
        <v>46012139</v>
      </c>
      <c r="W46" s="727">
        <v>222</v>
      </c>
      <c r="X46" s="727">
        <v>1628</v>
      </c>
      <c r="Y46" s="727">
        <v>19739320</v>
      </c>
      <c r="Z46" s="727">
        <v>183390</v>
      </c>
      <c r="AA46" s="726">
        <v>4498813877</v>
      </c>
      <c r="AB46" s="312">
        <v>306</v>
      </c>
      <c r="AC46" s="696" t="s">
        <v>488</v>
      </c>
      <c r="AD46" s="456">
        <v>63</v>
      </c>
      <c r="AE46" s="456">
        <v>3631</v>
      </c>
      <c r="AF46" s="456">
        <v>38520757</v>
      </c>
      <c r="AG46" s="456">
        <v>1</v>
      </c>
      <c r="AH46" s="456">
        <v>41083</v>
      </c>
      <c r="AI46" s="456">
        <v>0</v>
      </c>
      <c r="AJ46" s="456">
        <v>0</v>
      </c>
      <c r="AK46" s="725">
        <v>187084</v>
      </c>
      <c r="AL46" s="724">
        <v>4537334634</v>
      </c>
      <c r="AM46" s="723">
        <v>3346436510</v>
      </c>
      <c r="AN46" s="325">
        <v>1125955226</v>
      </c>
      <c r="AO46" s="325">
        <v>64942898</v>
      </c>
      <c r="AP46" s="325">
        <v>8278</v>
      </c>
      <c r="AQ46" s="306">
        <v>464053510</v>
      </c>
      <c r="AU46" s="640" t="e">
        <v>#REF!</v>
      </c>
    </row>
    <row r="47" spans="1:47" s="506" customFormat="1" ht="12.75" customHeight="1" thickTop="1" thickBot="1" x14ac:dyDescent="0.2">
      <c r="A47" s="970" t="s">
        <v>487</v>
      </c>
      <c r="B47" s="971"/>
      <c r="C47" s="701">
        <v>3929</v>
      </c>
      <c r="D47" s="701">
        <v>41074</v>
      </c>
      <c r="E47" s="701">
        <v>2484006173</v>
      </c>
      <c r="F47" s="701">
        <v>162557</v>
      </c>
      <c r="G47" s="701">
        <v>244706</v>
      </c>
      <c r="H47" s="701">
        <v>2784746853</v>
      </c>
      <c r="I47" s="701">
        <v>31957</v>
      </c>
      <c r="J47" s="701">
        <v>58939</v>
      </c>
      <c r="K47" s="701">
        <v>466566382</v>
      </c>
      <c r="L47" s="701">
        <v>198443</v>
      </c>
      <c r="M47" s="701">
        <v>344719</v>
      </c>
      <c r="N47" s="700">
        <v>5735319408</v>
      </c>
      <c r="O47" s="970" t="s">
        <v>487</v>
      </c>
      <c r="P47" s="971"/>
      <c r="Q47" s="741">
        <v>119462</v>
      </c>
      <c r="R47" s="701">
        <v>138333</v>
      </c>
      <c r="S47" s="740">
        <v>1715294750</v>
      </c>
      <c r="T47" s="739">
        <v>3548</v>
      </c>
      <c r="U47" s="701">
        <v>98525</v>
      </c>
      <c r="V47" s="701">
        <v>66778653</v>
      </c>
      <c r="W47" s="701">
        <v>429</v>
      </c>
      <c r="X47" s="701">
        <v>3232</v>
      </c>
      <c r="Y47" s="701">
        <v>37431500</v>
      </c>
      <c r="Z47" s="701">
        <v>318334</v>
      </c>
      <c r="AA47" s="700">
        <v>7554824311</v>
      </c>
      <c r="AB47" s="970" t="s">
        <v>487</v>
      </c>
      <c r="AC47" s="971"/>
      <c r="AD47" s="701">
        <v>63</v>
      </c>
      <c r="AE47" s="701">
        <v>6749</v>
      </c>
      <c r="AF47" s="701">
        <v>71057126</v>
      </c>
      <c r="AG47" s="701">
        <v>1</v>
      </c>
      <c r="AH47" s="701">
        <v>41083</v>
      </c>
      <c r="AI47" s="701">
        <v>0</v>
      </c>
      <c r="AJ47" s="701">
        <v>0</v>
      </c>
      <c r="AK47" s="701">
        <v>325146</v>
      </c>
      <c r="AL47" s="701">
        <v>7625881437</v>
      </c>
      <c r="AM47" s="701">
        <v>5584274827</v>
      </c>
      <c r="AN47" s="701">
        <v>1929273439</v>
      </c>
      <c r="AO47" s="701">
        <v>112333171</v>
      </c>
      <c r="AP47" s="701">
        <v>11183</v>
      </c>
      <c r="AQ47" s="700">
        <v>694937470</v>
      </c>
      <c r="AU47" s="640" t="e">
        <v>#REF!</v>
      </c>
    </row>
    <row r="48" spans="1:47" s="506" customFormat="1" ht="12.75" customHeight="1" thickTop="1" thickBot="1" x14ac:dyDescent="0.2">
      <c r="A48" s="968" t="s">
        <v>486</v>
      </c>
      <c r="B48" s="969"/>
      <c r="C48" s="688">
        <v>211521</v>
      </c>
      <c r="D48" s="688">
        <v>2792236</v>
      </c>
      <c r="E48" s="688">
        <v>135747851793</v>
      </c>
      <c r="F48" s="688">
        <v>8528950</v>
      </c>
      <c r="G48" s="688">
        <v>13021032</v>
      </c>
      <c r="H48" s="688">
        <v>139925745693</v>
      </c>
      <c r="I48" s="688">
        <v>1800127</v>
      </c>
      <c r="J48" s="688">
        <v>3218878</v>
      </c>
      <c r="K48" s="688">
        <v>24864994453</v>
      </c>
      <c r="L48" s="688">
        <v>10540598</v>
      </c>
      <c r="M48" s="688">
        <v>19032146</v>
      </c>
      <c r="N48" s="687">
        <v>300538591939</v>
      </c>
      <c r="O48" s="968" t="s">
        <v>486</v>
      </c>
      <c r="P48" s="969"/>
      <c r="Q48" s="689">
        <v>6412848</v>
      </c>
      <c r="R48" s="688">
        <v>7416061</v>
      </c>
      <c r="S48" s="749">
        <v>79814579648</v>
      </c>
      <c r="T48" s="750">
        <v>192822</v>
      </c>
      <c r="U48" s="688">
        <v>7026296</v>
      </c>
      <c r="V48" s="688">
        <v>4726681046</v>
      </c>
      <c r="W48" s="688">
        <v>30233</v>
      </c>
      <c r="X48" s="688">
        <v>237741</v>
      </c>
      <c r="Y48" s="688">
        <v>2833804830</v>
      </c>
      <c r="Z48" s="688">
        <v>16983679</v>
      </c>
      <c r="AA48" s="687">
        <v>387913657463</v>
      </c>
      <c r="AB48" s="968" t="s">
        <v>486</v>
      </c>
      <c r="AC48" s="969"/>
      <c r="AD48" s="688">
        <v>1790</v>
      </c>
      <c r="AE48" s="688">
        <v>314825</v>
      </c>
      <c r="AF48" s="688">
        <v>3683483784</v>
      </c>
      <c r="AG48" s="688">
        <v>169</v>
      </c>
      <c r="AH48" s="688">
        <v>8793814</v>
      </c>
      <c r="AI48" s="688">
        <v>12</v>
      </c>
      <c r="AJ48" s="688">
        <v>591705</v>
      </c>
      <c r="AK48" s="688">
        <v>17300306</v>
      </c>
      <c r="AL48" s="688">
        <v>391597732952</v>
      </c>
      <c r="AM48" s="688">
        <v>295296272919</v>
      </c>
      <c r="AN48" s="688">
        <v>90417199899</v>
      </c>
      <c r="AO48" s="688">
        <v>5884260134</v>
      </c>
      <c r="AP48" s="688">
        <v>1015851</v>
      </c>
      <c r="AQ48" s="687">
        <v>40052191539</v>
      </c>
      <c r="AU48" s="640" t="e">
        <v>#REF!</v>
      </c>
    </row>
    <row r="49" spans="3:56" s="637" customFormat="1" ht="10.5" customHeight="1" x14ac:dyDescent="0.15">
      <c r="O49" s="637" t="s">
        <v>246</v>
      </c>
      <c r="Q49" s="476"/>
      <c r="AD49" s="506"/>
      <c r="AE49" s="506"/>
      <c r="AF49" s="506"/>
      <c r="AG49" s="506"/>
      <c r="AH49" s="506"/>
      <c r="AI49" s="506"/>
      <c r="AJ49" s="506"/>
      <c r="AK49" s="506"/>
      <c r="AL49" s="506"/>
      <c r="AM49" s="506"/>
      <c r="AN49" s="506"/>
      <c r="AO49" s="506"/>
      <c r="AP49" s="506"/>
      <c r="AQ49" s="506"/>
      <c r="AR49" s="506"/>
      <c r="AS49" s="506"/>
      <c r="AT49" s="506"/>
      <c r="AU49" s="506"/>
      <c r="AV49" s="506"/>
      <c r="AW49" s="506"/>
      <c r="AX49" s="506"/>
      <c r="AY49" s="506"/>
      <c r="AZ49" s="506"/>
      <c r="BA49" s="506"/>
      <c r="BB49" s="506"/>
      <c r="BC49" s="506"/>
      <c r="BD49" s="506"/>
    </row>
    <row r="50" spans="3:56" ht="10.5" customHeight="1" x14ac:dyDescent="0.15">
      <c r="C50" s="751"/>
      <c r="D50" s="751"/>
      <c r="E50" s="751"/>
      <c r="F50" s="751"/>
      <c r="G50" s="751"/>
      <c r="H50" s="751"/>
      <c r="I50" s="751"/>
      <c r="J50" s="751"/>
      <c r="K50" s="751"/>
      <c r="L50" s="751"/>
      <c r="M50" s="751"/>
      <c r="N50" s="751"/>
      <c r="Q50" s="751"/>
      <c r="R50" s="751"/>
      <c r="S50" s="751"/>
      <c r="T50" s="751"/>
      <c r="U50" s="751"/>
      <c r="V50" s="751"/>
      <c r="W50" s="751"/>
      <c r="X50" s="751"/>
      <c r="Y50" s="751"/>
      <c r="Z50" s="751"/>
      <c r="AA50" s="751"/>
      <c r="AD50" s="751"/>
      <c r="AE50" s="751"/>
      <c r="AF50" s="751"/>
      <c r="AG50" s="751"/>
      <c r="AH50" s="751"/>
      <c r="AI50" s="751"/>
      <c r="AJ50" s="751"/>
      <c r="AK50" s="751"/>
      <c r="AL50" s="751"/>
      <c r="AM50" s="751"/>
      <c r="AN50" s="751"/>
      <c r="AO50" s="751"/>
      <c r="AP50" s="751"/>
      <c r="AQ50" s="751"/>
      <c r="AR50" s="506"/>
      <c r="AS50" s="506"/>
      <c r="AT50" s="506"/>
      <c r="AU50" s="506"/>
      <c r="AV50" s="506"/>
      <c r="AW50" s="506"/>
      <c r="AX50" s="506"/>
      <c r="AY50" s="506"/>
      <c r="AZ50" s="506"/>
      <c r="BA50" s="506"/>
      <c r="BB50" s="506"/>
      <c r="BC50" s="506"/>
      <c r="BD50" s="506"/>
    </row>
    <row r="51" spans="3:56" ht="10.5" customHeight="1" x14ac:dyDescent="0.15">
      <c r="C51" s="477"/>
      <c r="D51" s="477"/>
      <c r="E51" s="477"/>
      <c r="F51" s="477"/>
      <c r="G51" s="477"/>
      <c r="H51" s="477"/>
      <c r="I51" s="477"/>
      <c r="J51" s="477"/>
      <c r="K51" s="477"/>
      <c r="L51" s="477"/>
      <c r="M51" s="477"/>
      <c r="N51" s="477"/>
      <c r="Q51" s="477"/>
      <c r="R51" s="477"/>
      <c r="S51" s="477"/>
      <c r="T51" s="477"/>
      <c r="U51" s="477"/>
      <c r="V51" s="477"/>
      <c r="W51" s="477"/>
      <c r="X51" s="477"/>
      <c r="Y51" s="477"/>
      <c r="Z51" s="477"/>
      <c r="AA51" s="477"/>
      <c r="AD51" s="477"/>
      <c r="AE51" s="477"/>
      <c r="AF51" s="477"/>
      <c r="AG51" s="477"/>
      <c r="AH51" s="477"/>
      <c r="AI51" s="477"/>
      <c r="AJ51" s="477"/>
      <c r="AK51" s="477"/>
      <c r="AL51" s="477"/>
      <c r="AM51" s="477"/>
      <c r="AN51" s="477"/>
      <c r="AO51" s="477"/>
      <c r="AP51" s="477"/>
      <c r="AQ51" s="477"/>
      <c r="AR51" s="506"/>
      <c r="AS51" s="506"/>
      <c r="AT51" s="506"/>
      <c r="AU51" s="506"/>
      <c r="AV51" s="506"/>
      <c r="AW51" s="506"/>
      <c r="AX51" s="506"/>
      <c r="AY51" s="506"/>
      <c r="AZ51" s="506"/>
      <c r="BA51" s="506"/>
      <c r="BB51" s="506"/>
      <c r="BC51" s="506"/>
      <c r="BD51" s="506"/>
    </row>
    <row r="52" spans="3:56" ht="10.5" customHeight="1" x14ac:dyDescent="0.15">
      <c r="C52" s="477"/>
      <c r="D52" s="477"/>
      <c r="E52" s="477"/>
      <c r="F52" s="477"/>
      <c r="G52" s="477"/>
      <c r="H52" s="477"/>
      <c r="I52" s="477"/>
      <c r="J52" s="477"/>
      <c r="K52" s="477"/>
      <c r="L52" s="477"/>
      <c r="M52" s="477"/>
      <c r="N52" s="477"/>
      <c r="Q52" s="477"/>
      <c r="R52" s="477"/>
      <c r="S52" s="477"/>
      <c r="T52" s="477"/>
      <c r="U52" s="477"/>
      <c r="V52" s="477"/>
      <c r="W52" s="477"/>
      <c r="X52" s="477"/>
      <c r="Y52" s="477"/>
      <c r="Z52" s="477"/>
      <c r="AA52" s="477"/>
      <c r="AD52" s="477"/>
      <c r="AE52" s="477"/>
      <c r="AF52" s="477"/>
      <c r="AG52" s="477"/>
      <c r="AH52" s="477"/>
      <c r="AI52" s="477"/>
      <c r="AJ52" s="477"/>
      <c r="AK52" s="477"/>
      <c r="AL52" s="477"/>
      <c r="AM52" s="477"/>
      <c r="AN52" s="477"/>
      <c r="AO52" s="477"/>
      <c r="AP52" s="477"/>
      <c r="AQ52" s="477"/>
      <c r="AR52" s="506"/>
      <c r="AS52" s="506"/>
      <c r="AT52" s="506"/>
      <c r="AU52" s="506"/>
      <c r="AV52" s="506"/>
      <c r="AW52" s="506"/>
      <c r="AX52" s="506"/>
      <c r="AY52" s="506"/>
      <c r="AZ52" s="506"/>
      <c r="BA52" s="506"/>
      <c r="BB52" s="506"/>
      <c r="BC52" s="506"/>
      <c r="BD52" s="506"/>
    </row>
    <row r="53" spans="3:56" ht="10.5" customHeight="1" x14ac:dyDescent="0.15">
      <c r="AD53" s="506"/>
      <c r="AE53" s="506"/>
      <c r="AF53" s="506"/>
      <c r="AG53" s="506"/>
      <c r="AH53" s="506"/>
      <c r="AI53" s="506"/>
      <c r="AJ53" s="506"/>
      <c r="AK53" s="506"/>
      <c r="AL53" s="506"/>
      <c r="AM53" s="506"/>
      <c r="AN53" s="506"/>
      <c r="AO53" s="506"/>
      <c r="AP53" s="506"/>
      <c r="AQ53" s="506"/>
      <c r="AR53" s="506"/>
      <c r="AS53" s="506"/>
      <c r="AT53" s="506"/>
      <c r="AU53" s="506"/>
      <c r="AV53" s="506"/>
      <c r="AW53" s="506"/>
      <c r="AX53" s="506"/>
      <c r="AY53" s="506"/>
      <c r="AZ53" s="506"/>
      <c r="BA53" s="506"/>
      <c r="BB53" s="506"/>
      <c r="BC53" s="506"/>
      <c r="BD53" s="506"/>
    </row>
    <row r="54" spans="3:56" ht="10.5" customHeight="1" x14ac:dyDescent="0.15">
      <c r="AD54" s="506"/>
      <c r="AE54" s="506"/>
      <c r="AF54" s="506"/>
      <c r="AG54" s="506"/>
      <c r="AH54" s="506"/>
      <c r="AI54" s="506"/>
      <c r="AJ54" s="506"/>
      <c r="AK54" s="506"/>
      <c r="AL54" s="506"/>
      <c r="AM54" s="506"/>
      <c r="AN54" s="506"/>
      <c r="AO54" s="506"/>
      <c r="AP54" s="506"/>
      <c r="AQ54" s="506"/>
      <c r="AR54" s="506"/>
      <c r="AS54" s="506"/>
      <c r="AT54" s="506"/>
      <c r="AU54" s="506"/>
      <c r="AV54" s="506"/>
      <c r="AW54" s="506"/>
      <c r="AX54" s="506"/>
      <c r="AY54" s="506"/>
      <c r="AZ54" s="506"/>
      <c r="BA54" s="506"/>
      <c r="BB54" s="506"/>
      <c r="BC54" s="506"/>
      <c r="BD54" s="506"/>
    </row>
    <row r="55" spans="3:56" ht="10.5" customHeight="1" x14ac:dyDescent="0.15">
      <c r="AD55" s="506"/>
      <c r="AE55" s="506"/>
      <c r="AF55" s="506"/>
      <c r="AG55" s="506"/>
      <c r="AH55" s="506"/>
      <c r="AI55" s="506"/>
      <c r="AJ55" s="506"/>
      <c r="AK55" s="506"/>
      <c r="AL55" s="506"/>
      <c r="AM55" s="506"/>
      <c r="AN55" s="506"/>
      <c r="AO55" s="506"/>
      <c r="AP55" s="506"/>
      <c r="AQ55" s="506"/>
      <c r="AR55" s="506"/>
      <c r="AS55" s="506"/>
      <c r="AT55" s="506"/>
      <c r="AU55" s="506"/>
      <c r="AV55" s="506"/>
      <c r="AW55" s="506"/>
      <c r="AX55" s="506"/>
      <c r="AY55" s="506"/>
      <c r="AZ55" s="506"/>
      <c r="BA55" s="506"/>
      <c r="BB55" s="506"/>
      <c r="BC55" s="506"/>
      <c r="BD55" s="506"/>
    </row>
    <row r="56" spans="3:56" ht="10.5" customHeight="1" x14ac:dyDescent="0.15">
      <c r="AD56" s="506"/>
      <c r="AE56" s="506"/>
      <c r="AF56" s="506"/>
      <c r="AG56" s="506"/>
      <c r="AH56" s="506"/>
      <c r="AI56" s="506"/>
      <c r="AJ56" s="506"/>
      <c r="AK56" s="506"/>
      <c r="AL56" s="506"/>
      <c r="AM56" s="506"/>
      <c r="AN56" s="506"/>
      <c r="AO56" s="506"/>
      <c r="AP56" s="506"/>
      <c r="AQ56" s="506"/>
      <c r="AR56" s="506"/>
      <c r="AS56" s="506"/>
      <c r="AT56" s="506"/>
      <c r="AU56" s="506"/>
      <c r="AV56" s="506"/>
      <c r="AW56" s="506"/>
      <c r="AX56" s="506"/>
      <c r="AY56" s="506"/>
      <c r="AZ56" s="506"/>
      <c r="BA56" s="506"/>
      <c r="BB56" s="506"/>
      <c r="BC56" s="506"/>
      <c r="BD56" s="506"/>
    </row>
    <row r="57" spans="3:56" ht="10.5" customHeight="1" x14ac:dyDescent="0.15">
      <c r="AD57" s="506"/>
      <c r="AE57" s="506"/>
      <c r="AF57" s="506"/>
      <c r="AG57" s="506"/>
      <c r="AH57" s="506"/>
      <c r="AI57" s="506"/>
      <c r="AJ57" s="506"/>
      <c r="AK57" s="506"/>
      <c r="AL57" s="506"/>
      <c r="AM57" s="506"/>
      <c r="AN57" s="506"/>
      <c r="AO57" s="506"/>
      <c r="AP57" s="506"/>
      <c r="AQ57" s="506"/>
      <c r="AR57" s="506"/>
      <c r="AS57" s="506"/>
      <c r="AT57" s="506"/>
      <c r="AU57" s="506"/>
      <c r="AV57" s="506"/>
      <c r="AW57" s="506"/>
      <c r="AX57" s="506"/>
      <c r="AY57" s="506"/>
      <c r="AZ57" s="506"/>
      <c r="BA57" s="506"/>
      <c r="BB57" s="506"/>
      <c r="BC57" s="506"/>
      <c r="BD57" s="506"/>
    </row>
    <row r="58" spans="3:56" ht="10.5" customHeight="1" x14ac:dyDescent="0.15">
      <c r="AD58" s="506"/>
      <c r="AE58" s="506"/>
      <c r="AF58" s="506"/>
      <c r="AG58" s="506"/>
      <c r="AH58" s="506"/>
      <c r="AI58" s="506"/>
      <c r="AJ58" s="506"/>
      <c r="AK58" s="506"/>
      <c r="AL58" s="506"/>
      <c r="AM58" s="506"/>
      <c r="AN58" s="506"/>
      <c r="AO58" s="506"/>
      <c r="AP58" s="506"/>
      <c r="AQ58" s="506"/>
      <c r="AR58" s="506"/>
      <c r="AS58" s="506"/>
      <c r="AT58" s="506"/>
      <c r="AU58" s="506"/>
      <c r="AV58" s="506"/>
      <c r="AW58" s="506"/>
      <c r="AX58" s="506"/>
      <c r="AY58" s="506"/>
      <c r="AZ58" s="506"/>
      <c r="BA58" s="506"/>
      <c r="BB58" s="506"/>
      <c r="BC58" s="506"/>
      <c r="BD58" s="506"/>
    </row>
    <row r="59" spans="3:56" ht="10.5" customHeight="1" x14ac:dyDescent="0.15">
      <c r="AD59" s="506"/>
      <c r="AE59" s="506"/>
      <c r="AF59" s="506"/>
      <c r="AG59" s="506"/>
      <c r="AH59" s="506"/>
      <c r="AI59" s="506"/>
      <c r="AJ59" s="506"/>
      <c r="AK59" s="506"/>
      <c r="AL59" s="506"/>
      <c r="AM59" s="506"/>
      <c r="AN59" s="506"/>
      <c r="AO59" s="506"/>
      <c r="AP59" s="506"/>
      <c r="AQ59" s="506"/>
      <c r="AR59" s="506"/>
      <c r="AS59" s="506"/>
      <c r="AT59" s="506"/>
      <c r="AU59" s="506"/>
      <c r="AV59" s="506"/>
      <c r="AW59" s="506"/>
      <c r="AX59" s="506"/>
      <c r="AY59" s="506"/>
      <c r="AZ59" s="506"/>
      <c r="BA59" s="506"/>
      <c r="BB59" s="506"/>
      <c r="BC59" s="506"/>
      <c r="BD59" s="506"/>
    </row>
    <row r="60" spans="3:56" ht="10.5" customHeight="1" x14ac:dyDescent="0.15">
      <c r="AD60" s="506"/>
      <c r="AE60" s="506"/>
      <c r="AF60" s="506"/>
      <c r="AG60" s="506"/>
      <c r="AH60" s="506"/>
      <c r="AI60" s="506"/>
      <c r="AJ60" s="506"/>
      <c r="AK60" s="506"/>
      <c r="AL60" s="506"/>
      <c r="AM60" s="506"/>
      <c r="AN60" s="506"/>
      <c r="AO60" s="506"/>
      <c r="AP60" s="506"/>
      <c r="AQ60" s="506"/>
      <c r="AR60" s="506"/>
      <c r="AS60" s="506"/>
      <c r="AT60" s="506"/>
      <c r="AU60" s="506"/>
      <c r="AV60" s="506"/>
      <c r="AW60" s="506"/>
      <c r="AX60" s="506"/>
      <c r="AY60" s="506"/>
      <c r="AZ60" s="506"/>
      <c r="BA60" s="506"/>
      <c r="BB60" s="506"/>
      <c r="BC60" s="506"/>
      <c r="BD60" s="506"/>
    </row>
    <row r="61" spans="3:56" ht="10.5" customHeight="1" x14ac:dyDescent="0.15">
      <c r="AD61" s="506"/>
      <c r="AE61" s="506"/>
      <c r="AF61" s="506"/>
      <c r="AG61" s="506"/>
      <c r="AH61" s="506"/>
      <c r="AI61" s="506"/>
      <c r="AJ61" s="506"/>
      <c r="AK61" s="506"/>
      <c r="AL61" s="506"/>
      <c r="AM61" s="506"/>
      <c r="AN61" s="506"/>
      <c r="AO61" s="506"/>
      <c r="AP61" s="506"/>
      <c r="AQ61" s="506"/>
      <c r="AR61" s="506"/>
      <c r="AS61" s="506"/>
      <c r="AT61" s="506"/>
      <c r="AU61" s="506"/>
      <c r="AV61" s="506"/>
      <c r="AW61" s="506"/>
      <c r="AX61" s="506"/>
      <c r="AY61" s="506"/>
      <c r="AZ61" s="506"/>
      <c r="BA61" s="506"/>
      <c r="BB61" s="506"/>
      <c r="BC61" s="506"/>
      <c r="BD61" s="506"/>
    </row>
    <row r="62" spans="3:56" ht="10.5" customHeight="1" x14ac:dyDescent="0.15">
      <c r="AD62" s="506"/>
      <c r="AE62" s="506"/>
      <c r="AF62" s="506"/>
      <c r="AG62" s="506"/>
      <c r="AH62" s="506"/>
      <c r="AI62" s="506"/>
      <c r="AJ62" s="506"/>
      <c r="AK62" s="506"/>
      <c r="AL62" s="506"/>
      <c r="AM62" s="506"/>
      <c r="AN62" s="506"/>
      <c r="AO62" s="506"/>
      <c r="AP62" s="506"/>
      <c r="AQ62" s="506"/>
      <c r="AR62" s="506"/>
      <c r="AS62" s="506"/>
      <c r="AT62" s="506"/>
      <c r="AU62" s="506"/>
      <c r="AV62" s="506"/>
      <c r="AW62" s="506"/>
      <c r="AX62" s="506"/>
      <c r="AY62" s="506"/>
      <c r="AZ62" s="506"/>
      <c r="BA62" s="506"/>
      <c r="BB62" s="506"/>
      <c r="BC62" s="506"/>
      <c r="BD62" s="506"/>
    </row>
    <row r="63" spans="3:56" ht="10.5" customHeight="1" x14ac:dyDescent="0.15">
      <c r="AD63" s="506"/>
      <c r="AE63" s="506"/>
      <c r="AF63" s="506"/>
      <c r="AG63" s="506"/>
      <c r="AH63" s="506"/>
      <c r="AI63" s="506"/>
      <c r="AJ63" s="506"/>
      <c r="AK63" s="506"/>
      <c r="AL63" s="506"/>
      <c r="AM63" s="506"/>
      <c r="AN63" s="506"/>
      <c r="AO63" s="506"/>
      <c r="AP63" s="506"/>
      <c r="AQ63" s="506"/>
      <c r="AR63" s="506"/>
      <c r="AS63" s="506"/>
      <c r="AT63" s="506"/>
      <c r="AU63" s="506"/>
      <c r="AV63" s="506"/>
      <c r="AW63" s="506"/>
      <c r="AX63" s="506"/>
      <c r="AY63" s="506"/>
      <c r="AZ63" s="506"/>
      <c r="BA63" s="506"/>
      <c r="BB63" s="506"/>
      <c r="BC63" s="506"/>
      <c r="BD63" s="506"/>
    </row>
    <row r="64" spans="3:56" ht="10.5" customHeight="1" x14ac:dyDescent="0.15">
      <c r="AD64" s="506"/>
      <c r="AE64" s="506"/>
      <c r="AF64" s="506"/>
      <c r="AG64" s="506"/>
      <c r="AH64" s="506"/>
      <c r="AI64" s="506"/>
      <c r="AJ64" s="506"/>
      <c r="AK64" s="506"/>
      <c r="AL64" s="506"/>
      <c r="AM64" s="506"/>
      <c r="AN64" s="506"/>
      <c r="AO64" s="506"/>
      <c r="AP64" s="506"/>
      <c r="AQ64" s="506"/>
      <c r="AR64" s="506"/>
      <c r="AS64" s="506"/>
      <c r="AT64" s="506"/>
      <c r="AU64" s="506"/>
      <c r="AV64" s="506"/>
      <c r="AW64" s="506"/>
      <c r="AX64" s="506"/>
      <c r="AY64" s="506"/>
      <c r="AZ64" s="506"/>
      <c r="BA64" s="506"/>
      <c r="BB64" s="506"/>
      <c r="BC64" s="506"/>
      <c r="BD64" s="506"/>
    </row>
    <row r="65" spans="30:56" ht="10.5" customHeight="1" x14ac:dyDescent="0.15">
      <c r="AD65" s="506"/>
      <c r="AE65" s="506"/>
      <c r="AF65" s="506"/>
      <c r="AG65" s="506"/>
      <c r="AH65" s="506"/>
      <c r="AI65" s="506"/>
      <c r="AJ65" s="506"/>
      <c r="AK65" s="506"/>
      <c r="AL65" s="506"/>
      <c r="AM65" s="506"/>
      <c r="AN65" s="506"/>
      <c r="AO65" s="506"/>
      <c r="AP65" s="506"/>
      <c r="AQ65" s="506"/>
      <c r="AR65" s="506"/>
      <c r="AS65" s="506"/>
      <c r="AT65" s="506"/>
      <c r="AU65" s="506"/>
      <c r="AV65" s="506"/>
      <c r="AW65" s="506"/>
      <c r="AX65" s="506"/>
      <c r="AY65" s="506"/>
      <c r="AZ65" s="506"/>
      <c r="BA65" s="506"/>
      <c r="BB65" s="506"/>
      <c r="BC65" s="506"/>
      <c r="BD65" s="506"/>
    </row>
    <row r="66" spans="30:56" ht="10.5" customHeight="1" x14ac:dyDescent="0.15">
      <c r="AD66" s="506"/>
      <c r="AE66" s="506"/>
      <c r="AF66" s="506"/>
      <c r="AG66" s="506"/>
      <c r="AH66" s="506"/>
      <c r="AI66" s="506"/>
      <c r="AJ66" s="506"/>
      <c r="AK66" s="506"/>
      <c r="AL66" s="506"/>
      <c r="AM66" s="506"/>
      <c r="AN66" s="506"/>
      <c r="AO66" s="506"/>
      <c r="AP66" s="506"/>
      <c r="AQ66" s="506"/>
      <c r="AR66" s="506"/>
      <c r="AS66" s="506"/>
      <c r="AT66" s="506"/>
      <c r="AU66" s="506"/>
      <c r="AV66" s="506"/>
      <c r="AW66" s="506"/>
      <c r="AX66" s="506"/>
      <c r="AY66" s="506"/>
      <c r="AZ66" s="506"/>
      <c r="BA66" s="506"/>
      <c r="BB66" s="506"/>
      <c r="BC66" s="506"/>
      <c r="BD66" s="506"/>
    </row>
    <row r="67" spans="30:56" ht="10.5" customHeight="1" x14ac:dyDescent="0.15">
      <c r="AD67" s="506"/>
      <c r="AE67" s="506"/>
      <c r="AF67" s="506"/>
      <c r="AG67" s="506"/>
      <c r="AH67" s="506"/>
      <c r="AI67" s="506"/>
      <c r="AJ67" s="506"/>
      <c r="AK67" s="506"/>
      <c r="AL67" s="506"/>
      <c r="AM67" s="506"/>
      <c r="AN67" s="506"/>
      <c r="AO67" s="506"/>
      <c r="AP67" s="506"/>
      <c r="AQ67" s="506"/>
      <c r="AR67" s="506"/>
      <c r="AS67" s="506"/>
      <c r="AT67" s="506"/>
      <c r="AU67" s="506"/>
      <c r="AV67" s="506"/>
      <c r="AW67" s="506"/>
      <c r="AX67" s="506"/>
      <c r="AY67" s="506"/>
      <c r="AZ67" s="506"/>
      <c r="BA67" s="506"/>
      <c r="BB67" s="506"/>
      <c r="BC67" s="506"/>
      <c r="BD67" s="506"/>
    </row>
    <row r="68" spans="30:56" ht="10.5" customHeight="1" x14ac:dyDescent="0.15">
      <c r="AD68" s="506"/>
      <c r="AE68" s="506"/>
      <c r="AF68" s="506"/>
      <c r="AG68" s="506"/>
      <c r="AH68" s="506"/>
      <c r="AI68" s="506"/>
      <c r="AJ68" s="506"/>
      <c r="AK68" s="506"/>
      <c r="AL68" s="506"/>
      <c r="AM68" s="506"/>
      <c r="AN68" s="506"/>
      <c r="AO68" s="506"/>
      <c r="AP68" s="506"/>
      <c r="AQ68" s="506"/>
      <c r="AR68" s="506"/>
      <c r="AS68" s="506"/>
      <c r="AT68" s="506"/>
      <c r="AU68" s="506"/>
      <c r="AV68" s="506"/>
      <c r="AW68" s="506"/>
      <c r="AX68" s="506"/>
      <c r="AY68" s="506"/>
      <c r="AZ68" s="506"/>
      <c r="BA68" s="506"/>
      <c r="BB68" s="506"/>
      <c r="BC68" s="506"/>
      <c r="BD68" s="506"/>
    </row>
    <row r="69" spans="30:56" ht="10.5" customHeight="1" x14ac:dyDescent="0.15">
      <c r="AD69" s="506"/>
      <c r="AE69" s="506"/>
      <c r="AF69" s="506"/>
      <c r="AG69" s="506"/>
      <c r="AH69" s="506"/>
      <c r="AI69" s="506"/>
      <c r="AJ69" s="506"/>
      <c r="AK69" s="506"/>
      <c r="AL69" s="506"/>
      <c r="AM69" s="506"/>
      <c r="AN69" s="506"/>
      <c r="AO69" s="506"/>
      <c r="AP69" s="506"/>
      <c r="AQ69" s="506"/>
      <c r="AR69" s="506"/>
      <c r="AS69" s="506"/>
      <c r="AT69" s="506"/>
      <c r="AU69" s="506"/>
      <c r="AV69" s="506"/>
      <c r="AW69" s="506"/>
      <c r="AX69" s="506"/>
      <c r="AY69" s="506"/>
      <c r="AZ69" s="506"/>
      <c r="BA69" s="506"/>
      <c r="BB69" s="506"/>
      <c r="BC69" s="506"/>
      <c r="BD69" s="506"/>
    </row>
    <row r="70" spans="30:56" ht="10.5" customHeight="1" x14ac:dyDescent="0.15">
      <c r="AD70" s="506"/>
      <c r="AE70" s="506"/>
      <c r="AF70" s="506"/>
      <c r="AG70" s="506"/>
      <c r="AH70" s="506"/>
      <c r="AI70" s="506"/>
      <c r="AJ70" s="506"/>
      <c r="AK70" s="506"/>
      <c r="AL70" s="506"/>
      <c r="AM70" s="506"/>
      <c r="AN70" s="506"/>
      <c r="AO70" s="506"/>
      <c r="AP70" s="506"/>
      <c r="AQ70" s="506"/>
      <c r="AR70" s="506"/>
      <c r="AS70" s="506"/>
      <c r="AT70" s="506"/>
      <c r="AU70" s="506"/>
      <c r="AV70" s="506"/>
      <c r="AW70" s="506"/>
      <c r="AX70" s="506"/>
      <c r="AY70" s="506"/>
      <c r="AZ70" s="506"/>
      <c r="BA70" s="506"/>
      <c r="BB70" s="506"/>
      <c r="BC70" s="506"/>
      <c r="BD70" s="506"/>
    </row>
    <row r="71" spans="30:56" ht="10.5" customHeight="1" x14ac:dyDescent="0.15">
      <c r="AD71" s="506"/>
      <c r="AE71" s="506"/>
      <c r="AF71" s="506"/>
      <c r="AG71" s="506"/>
      <c r="AH71" s="506"/>
      <c r="AI71" s="506"/>
      <c r="AJ71" s="506"/>
      <c r="AK71" s="506"/>
      <c r="AL71" s="506"/>
      <c r="AM71" s="506"/>
      <c r="AN71" s="506"/>
      <c r="AO71" s="506"/>
      <c r="AP71" s="506"/>
      <c r="AQ71" s="506"/>
      <c r="AR71" s="506"/>
      <c r="AS71" s="506"/>
      <c r="AT71" s="506"/>
      <c r="AU71" s="506"/>
      <c r="AV71" s="506"/>
      <c r="AW71" s="506"/>
      <c r="AX71" s="506"/>
      <c r="AY71" s="506"/>
      <c r="AZ71" s="506"/>
      <c r="BA71" s="506"/>
      <c r="BB71" s="506"/>
      <c r="BC71" s="506"/>
      <c r="BD71" s="506"/>
    </row>
    <row r="72" spans="30:56" ht="10.5" customHeight="1" x14ac:dyDescent="0.15">
      <c r="AD72" s="506"/>
      <c r="AE72" s="506"/>
      <c r="AF72" s="506"/>
      <c r="AG72" s="506"/>
      <c r="AH72" s="506"/>
      <c r="AI72" s="506"/>
      <c r="AJ72" s="506"/>
      <c r="AK72" s="506"/>
      <c r="AL72" s="506"/>
      <c r="AM72" s="506"/>
      <c r="AN72" s="506"/>
      <c r="AO72" s="506"/>
      <c r="AP72" s="506"/>
      <c r="AQ72" s="506"/>
      <c r="AR72" s="506"/>
      <c r="AS72" s="506"/>
      <c r="AT72" s="506"/>
      <c r="AU72" s="506"/>
      <c r="AV72" s="506"/>
      <c r="AW72" s="506"/>
      <c r="AX72" s="506"/>
      <c r="AY72" s="506"/>
      <c r="AZ72" s="506"/>
      <c r="BA72" s="506"/>
      <c r="BB72" s="506"/>
      <c r="BC72" s="506"/>
      <c r="BD72" s="506"/>
    </row>
    <row r="73" spans="30:56" ht="10.5" customHeight="1" x14ac:dyDescent="0.15">
      <c r="AD73" s="506"/>
      <c r="AE73" s="506"/>
      <c r="AF73" s="506"/>
      <c r="AG73" s="506"/>
      <c r="AH73" s="506"/>
      <c r="AI73" s="506"/>
      <c r="AJ73" s="506"/>
      <c r="AK73" s="506"/>
      <c r="AL73" s="506"/>
      <c r="AM73" s="506"/>
      <c r="AN73" s="506"/>
      <c r="AO73" s="506"/>
      <c r="AP73" s="506"/>
      <c r="AQ73" s="506"/>
      <c r="AR73" s="506"/>
      <c r="AS73" s="506"/>
      <c r="AT73" s="506"/>
      <c r="AU73" s="506"/>
      <c r="AV73" s="506"/>
      <c r="AW73" s="506"/>
      <c r="AX73" s="506"/>
      <c r="AY73" s="506"/>
      <c r="AZ73" s="506"/>
      <c r="BA73" s="506"/>
      <c r="BB73" s="506"/>
      <c r="BC73" s="506"/>
      <c r="BD73" s="506"/>
    </row>
    <row r="74" spans="30:56" ht="10.5" customHeight="1" x14ac:dyDescent="0.15">
      <c r="AD74" s="506"/>
      <c r="AE74" s="506"/>
      <c r="AF74" s="506"/>
      <c r="AG74" s="506"/>
      <c r="AH74" s="506"/>
      <c r="AI74" s="506"/>
      <c r="AJ74" s="506"/>
      <c r="AK74" s="506"/>
      <c r="AL74" s="506"/>
      <c r="AM74" s="506"/>
      <c r="AN74" s="506"/>
      <c r="AO74" s="506"/>
      <c r="AP74" s="506"/>
      <c r="AQ74" s="506"/>
      <c r="AR74" s="506"/>
      <c r="AS74" s="506"/>
      <c r="AT74" s="506"/>
      <c r="AU74" s="506"/>
      <c r="AV74" s="506"/>
      <c r="AW74" s="506"/>
      <c r="AX74" s="506"/>
      <c r="AY74" s="506"/>
      <c r="AZ74" s="506"/>
      <c r="BA74" s="506"/>
      <c r="BB74" s="506"/>
      <c r="BC74" s="506"/>
      <c r="BD74" s="506"/>
    </row>
    <row r="75" spans="30:56" ht="10.5" customHeight="1" x14ac:dyDescent="0.15">
      <c r="AD75" s="506"/>
      <c r="AE75" s="506"/>
      <c r="AF75" s="506"/>
      <c r="AG75" s="506"/>
      <c r="AH75" s="506"/>
      <c r="AI75" s="506"/>
      <c r="AJ75" s="506"/>
      <c r="AK75" s="506"/>
      <c r="AL75" s="506"/>
      <c r="AM75" s="506"/>
      <c r="AN75" s="506"/>
      <c r="AO75" s="506"/>
      <c r="AP75" s="506"/>
      <c r="AQ75" s="506"/>
      <c r="AR75" s="506"/>
      <c r="AS75" s="506"/>
      <c r="AT75" s="506"/>
      <c r="AU75" s="506"/>
      <c r="AV75" s="506"/>
      <c r="AW75" s="506"/>
      <c r="AX75" s="506"/>
      <c r="AY75" s="506"/>
      <c r="AZ75" s="506"/>
      <c r="BA75" s="506"/>
      <c r="BB75" s="506"/>
      <c r="BC75" s="506"/>
      <c r="BD75" s="506"/>
    </row>
    <row r="76" spans="30:56" ht="10.5" customHeight="1" x14ac:dyDescent="0.15">
      <c r="AD76" s="506"/>
      <c r="AE76" s="506"/>
      <c r="AF76" s="506"/>
      <c r="AG76" s="506"/>
      <c r="AH76" s="506"/>
      <c r="AI76" s="506"/>
      <c r="AJ76" s="506"/>
      <c r="AK76" s="506"/>
      <c r="AL76" s="506"/>
      <c r="AM76" s="506"/>
      <c r="AN76" s="506"/>
      <c r="AO76" s="506"/>
      <c r="AP76" s="506"/>
      <c r="AQ76" s="506"/>
      <c r="AR76" s="506"/>
      <c r="AS76" s="506"/>
      <c r="AT76" s="506"/>
      <c r="AU76" s="506"/>
      <c r="AV76" s="506"/>
      <c r="AW76" s="506"/>
      <c r="AX76" s="506"/>
      <c r="AY76" s="506"/>
      <c r="AZ76" s="506"/>
      <c r="BA76" s="506"/>
      <c r="BB76" s="506"/>
      <c r="BC76" s="506"/>
      <c r="BD76" s="506"/>
    </row>
    <row r="77" spans="30:56" ht="10.5" customHeight="1" x14ac:dyDescent="0.15">
      <c r="AD77" s="506"/>
      <c r="AE77" s="506"/>
      <c r="AF77" s="506"/>
      <c r="AG77" s="506"/>
      <c r="AH77" s="506"/>
      <c r="AI77" s="506"/>
      <c r="AJ77" s="506"/>
      <c r="AK77" s="506"/>
      <c r="AL77" s="506"/>
      <c r="AM77" s="506"/>
      <c r="AN77" s="506"/>
      <c r="AO77" s="506"/>
      <c r="AP77" s="506"/>
      <c r="AQ77" s="506"/>
      <c r="AR77" s="506"/>
      <c r="AS77" s="506"/>
      <c r="AT77" s="506"/>
      <c r="AU77" s="506"/>
      <c r="AV77" s="506"/>
      <c r="AW77" s="506"/>
      <c r="AX77" s="506"/>
      <c r="AY77" s="506"/>
      <c r="AZ77" s="506"/>
      <c r="BA77" s="506"/>
      <c r="BB77" s="506"/>
      <c r="BC77" s="506"/>
      <c r="BD77" s="506"/>
    </row>
    <row r="78" spans="30:56" ht="10.5" customHeight="1" x14ac:dyDescent="0.15">
      <c r="AD78" s="506"/>
      <c r="AE78" s="506"/>
      <c r="AF78" s="506"/>
      <c r="AG78" s="506"/>
      <c r="AH78" s="506"/>
      <c r="AI78" s="506"/>
      <c r="AJ78" s="506"/>
      <c r="AK78" s="506"/>
      <c r="AL78" s="506"/>
      <c r="AM78" s="506"/>
      <c r="AN78" s="506"/>
      <c r="AO78" s="506"/>
      <c r="AP78" s="506"/>
      <c r="AQ78" s="506"/>
      <c r="AR78" s="506"/>
      <c r="AS78" s="506"/>
      <c r="AT78" s="506"/>
      <c r="AU78" s="506"/>
      <c r="AV78" s="506"/>
      <c r="AW78" s="506"/>
      <c r="AX78" s="506"/>
      <c r="AY78" s="506"/>
      <c r="AZ78" s="506"/>
      <c r="BA78" s="506"/>
      <c r="BB78" s="506"/>
      <c r="BC78" s="506"/>
      <c r="BD78" s="506"/>
    </row>
    <row r="79" spans="30:56" ht="10.5" customHeight="1" x14ac:dyDescent="0.15">
      <c r="AD79" s="506"/>
      <c r="AE79" s="506"/>
      <c r="AF79" s="506"/>
      <c r="AG79" s="506"/>
      <c r="AH79" s="506"/>
      <c r="AI79" s="506"/>
      <c r="AJ79" s="506"/>
      <c r="AK79" s="506"/>
      <c r="AL79" s="506"/>
      <c r="AM79" s="506"/>
      <c r="AN79" s="506"/>
      <c r="AO79" s="506"/>
      <c r="AP79" s="506"/>
      <c r="AQ79" s="506"/>
      <c r="AR79" s="506"/>
      <c r="AS79" s="506"/>
      <c r="AT79" s="506"/>
      <c r="AU79" s="506"/>
      <c r="AV79" s="506"/>
      <c r="AW79" s="506"/>
      <c r="AX79" s="506"/>
      <c r="AY79" s="506"/>
      <c r="AZ79" s="506"/>
      <c r="BA79" s="506"/>
      <c r="BB79" s="506"/>
      <c r="BC79" s="506"/>
      <c r="BD79" s="506"/>
    </row>
    <row r="80" spans="30:56" ht="10.5" customHeight="1" x14ac:dyDescent="0.15">
      <c r="AD80" s="506"/>
      <c r="AE80" s="506"/>
      <c r="AF80" s="506"/>
      <c r="AG80" s="506"/>
      <c r="AH80" s="506"/>
      <c r="AI80" s="506"/>
      <c r="AJ80" s="506"/>
      <c r="AK80" s="506"/>
      <c r="AL80" s="506"/>
      <c r="AM80" s="506"/>
      <c r="AN80" s="506"/>
      <c r="AO80" s="506"/>
      <c r="AP80" s="506"/>
      <c r="AQ80" s="506"/>
      <c r="AR80" s="506"/>
      <c r="AS80" s="506"/>
      <c r="AT80" s="506"/>
      <c r="AU80" s="506"/>
      <c r="AV80" s="506"/>
      <c r="AW80" s="506"/>
      <c r="AX80" s="506"/>
      <c r="AY80" s="506"/>
      <c r="AZ80" s="506"/>
      <c r="BA80" s="506"/>
      <c r="BB80" s="506"/>
      <c r="BC80" s="506"/>
      <c r="BD80" s="506"/>
    </row>
    <row r="81" spans="30:56" ht="10.5" customHeight="1" x14ac:dyDescent="0.15">
      <c r="AD81" s="506"/>
      <c r="AE81" s="506"/>
      <c r="AF81" s="506"/>
      <c r="AG81" s="506"/>
      <c r="AH81" s="506"/>
      <c r="AI81" s="506"/>
      <c r="AJ81" s="506"/>
      <c r="AK81" s="506"/>
      <c r="AL81" s="506"/>
      <c r="AM81" s="506"/>
      <c r="AN81" s="506"/>
      <c r="AO81" s="506"/>
      <c r="AP81" s="506"/>
      <c r="AQ81" s="506"/>
      <c r="AR81" s="506"/>
      <c r="AS81" s="506"/>
      <c r="AT81" s="506"/>
      <c r="AU81" s="506"/>
      <c r="AV81" s="506"/>
      <c r="AW81" s="506"/>
      <c r="AX81" s="506"/>
      <c r="AY81" s="506"/>
      <c r="AZ81" s="506"/>
      <c r="BA81" s="506"/>
      <c r="BB81" s="506"/>
      <c r="BC81" s="506"/>
      <c r="BD81" s="506"/>
    </row>
  </sheetData>
  <mergeCells count="32">
    <mergeCell ref="AB40:AC40"/>
    <mergeCell ref="AB47:AC47"/>
    <mergeCell ref="AB48:AC48"/>
    <mergeCell ref="C3:N3"/>
    <mergeCell ref="I5:K5"/>
    <mergeCell ref="L5:N5"/>
    <mergeCell ref="Q4:S5"/>
    <mergeCell ref="O3:P6"/>
    <mergeCell ref="AB3:AC6"/>
    <mergeCell ref="Q3:AA3"/>
    <mergeCell ref="AO5:AO6"/>
    <mergeCell ref="AM5:AM6"/>
    <mergeCell ref="AN5:AN6"/>
    <mergeCell ref="AM3:AO4"/>
    <mergeCell ref="AK3:AL5"/>
    <mergeCell ref="A48:B48"/>
    <mergeCell ref="O40:P40"/>
    <mergeCell ref="O47:P47"/>
    <mergeCell ref="O48:P48"/>
    <mergeCell ref="A40:B40"/>
    <mergeCell ref="A47:B47"/>
    <mergeCell ref="AD4:AD5"/>
    <mergeCell ref="AE4:AF5"/>
    <mergeCell ref="AI4:AJ5"/>
    <mergeCell ref="AG4:AH5"/>
    <mergeCell ref="A3:B6"/>
    <mergeCell ref="Z4:AA5"/>
    <mergeCell ref="W4:Y5"/>
    <mergeCell ref="T4:V5"/>
    <mergeCell ref="C5:E5"/>
    <mergeCell ref="F5:H5"/>
    <mergeCell ref="AD3:AJ3"/>
  </mergeCells>
  <phoneticPr fontId="5"/>
  <printOptions verticalCentered="1"/>
  <pageMargins left="0.6692913385826772" right="0" top="0.59055118110236227" bottom="0.39370078740157483" header="0.51181102362204722" footer="0.51181102362204722"/>
  <pageSetup paperSize="9" scale="85" orientation="landscape" blackAndWhite="1" r:id="rId1"/>
  <headerFooter alignWithMargins="0"/>
  <colBreaks count="2" manualBreakCount="2">
    <brk id="14" max="48" man="1"/>
    <brk id="27" max="4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/>
  <dimension ref="A1:AQ52"/>
  <sheetViews>
    <sheetView zoomScaleNormal="100" zoomScaleSheetLayoutView="100" workbookViewId="0">
      <pane xSplit="2" ySplit="6" topLeftCell="C7" activePane="bottomRight" state="frozen"/>
      <selection pane="topRight" activeCell="C1" sqref="C1"/>
      <selection pane="bottomLeft" activeCell="A7" sqref="A7"/>
      <selection pane="bottomRight"/>
    </sheetView>
  </sheetViews>
  <sheetFormatPr defaultColWidth="9" defaultRowHeight="10.5" customHeight="1" x14ac:dyDescent="0.15"/>
  <cols>
    <col min="1" max="1" width="3.6640625" style="476" customWidth="1"/>
    <col min="2" max="2" width="10" style="476" customWidth="1"/>
    <col min="3" max="3" width="8.77734375" style="476" customWidth="1"/>
    <col min="4" max="4" width="10.109375" style="476" customWidth="1"/>
    <col min="5" max="5" width="13.77734375" style="476" customWidth="1"/>
    <col min="6" max="6" width="8.88671875" style="476" customWidth="1"/>
    <col min="7" max="7" width="10" style="476" customWidth="1"/>
    <col min="8" max="8" width="13.77734375" style="476" customWidth="1"/>
    <col min="9" max="9" width="9.6640625" style="476" customWidth="1"/>
    <col min="10" max="10" width="10.6640625" style="476" customWidth="1"/>
    <col min="11" max="11" width="13.77734375" style="476" customWidth="1"/>
    <col min="12" max="12" width="10" style="476" customWidth="1"/>
    <col min="13" max="13" width="10.6640625" style="476" customWidth="1"/>
    <col min="14" max="14" width="13.77734375" style="476" customWidth="1"/>
    <col min="15" max="15" width="3.6640625" style="476" customWidth="1"/>
    <col min="16" max="17" width="10.6640625" style="476" customWidth="1"/>
    <col min="18" max="18" width="11.21875" style="476" customWidth="1"/>
    <col min="19" max="19" width="13.77734375" style="476" customWidth="1"/>
    <col min="20" max="20" width="10.6640625" style="476" customWidth="1"/>
    <col min="21" max="21" width="11.33203125" style="476" customWidth="1"/>
    <col min="22" max="22" width="13.77734375" style="476" customWidth="1"/>
    <col min="23" max="23" width="10" style="476" customWidth="1"/>
    <col min="24" max="24" width="10.6640625" style="476" customWidth="1"/>
    <col min="25" max="25" width="13.77734375" style="476" customWidth="1"/>
    <col min="26" max="26" width="11.33203125" style="476" customWidth="1"/>
    <col min="27" max="27" width="15.6640625" style="476" customWidth="1"/>
    <col min="28" max="28" width="3.6640625" style="476" customWidth="1"/>
    <col min="29" max="29" width="10" style="476" customWidth="1"/>
    <col min="30" max="30" width="6.6640625" style="476" customWidth="1"/>
    <col min="31" max="31" width="7.44140625" style="476" customWidth="1"/>
    <col min="32" max="32" width="12" style="476" customWidth="1"/>
    <col min="33" max="33" width="4.44140625" style="476" customWidth="1"/>
    <col min="34" max="34" width="9.6640625" style="476" customWidth="1"/>
    <col min="35" max="35" width="6.109375" style="476" customWidth="1"/>
    <col min="36" max="37" width="8.77734375" style="476" customWidth="1"/>
    <col min="38" max="38" width="15.6640625" style="476" customWidth="1"/>
    <col min="39" max="39" width="15.77734375" style="476" customWidth="1"/>
    <col min="40" max="40" width="15.88671875" style="476" customWidth="1"/>
    <col min="41" max="41" width="12.88671875" style="476" customWidth="1"/>
    <col min="42" max="42" width="9.6640625" style="476" customWidth="1"/>
    <col min="43" max="43" width="13.77734375" style="476" customWidth="1"/>
    <col min="44" max="46" width="9" style="476"/>
    <col min="47" max="47" width="0" style="476" hidden="1" customWidth="1"/>
    <col min="48" max="16384" width="9" style="476"/>
  </cols>
  <sheetData>
    <row r="1" spans="1:43" s="414" customFormat="1" ht="15" customHeight="1" x14ac:dyDescent="0.2">
      <c r="A1" s="415" t="s">
        <v>485</v>
      </c>
      <c r="B1" s="415"/>
      <c r="D1" s="415"/>
      <c r="E1" s="415"/>
      <c r="F1" s="415"/>
      <c r="G1" s="415"/>
      <c r="H1" s="415"/>
      <c r="I1" s="415"/>
      <c r="J1" s="415"/>
      <c r="K1" s="415"/>
      <c r="L1" s="415"/>
      <c r="M1" s="415"/>
      <c r="N1" s="415"/>
      <c r="O1" s="415" t="s">
        <v>484</v>
      </c>
      <c r="P1" s="415"/>
      <c r="R1" s="415"/>
      <c r="S1" s="415"/>
      <c r="T1" s="415"/>
      <c r="U1" s="415"/>
      <c r="V1" s="415"/>
      <c r="W1" s="415"/>
      <c r="X1" s="415"/>
      <c r="Y1" s="415"/>
      <c r="Z1" s="415"/>
      <c r="AA1" s="415"/>
      <c r="AB1" s="415" t="s">
        <v>483</v>
      </c>
      <c r="AC1" s="415"/>
      <c r="AE1" s="415"/>
      <c r="AF1" s="415"/>
      <c r="AG1" s="415"/>
      <c r="AH1" s="415"/>
      <c r="AI1" s="415"/>
      <c r="AJ1" s="415"/>
      <c r="AK1" s="576"/>
      <c r="AL1" s="415"/>
      <c r="AN1" s="415"/>
      <c r="AO1" s="415"/>
      <c r="AP1" s="415"/>
      <c r="AQ1" s="577"/>
    </row>
    <row r="2" spans="1:43" ht="15" customHeight="1" thickBot="1" x14ac:dyDescent="0.2">
      <c r="A2" s="722"/>
      <c r="B2" s="722"/>
      <c r="D2" s="722"/>
      <c r="E2" s="722"/>
      <c r="F2" s="722"/>
      <c r="G2" s="722"/>
      <c r="H2" s="722"/>
      <c r="I2" s="722"/>
      <c r="J2" s="722"/>
      <c r="K2" s="722"/>
      <c r="L2" s="722"/>
      <c r="M2" s="722"/>
      <c r="N2" s="575" t="s">
        <v>314</v>
      </c>
      <c r="O2" s="722"/>
      <c r="P2" s="722"/>
      <c r="R2" s="722"/>
      <c r="S2" s="722"/>
      <c r="T2" s="722"/>
      <c r="U2" s="722"/>
      <c r="V2" s="722"/>
      <c r="W2" s="722"/>
      <c r="X2" s="722"/>
      <c r="Y2" s="722"/>
      <c r="Z2" s="722"/>
      <c r="AA2" s="575" t="s">
        <v>314</v>
      </c>
      <c r="AB2" s="722"/>
      <c r="AC2" s="722"/>
      <c r="AE2" s="722"/>
      <c r="AF2" s="722"/>
      <c r="AG2" s="722"/>
      <c r="AH2" s="722"/>
      <c r="AI2" s="722"/>
      <c r="AJ2" s="722"/>
      <c r="AK2" s="607"/>
      <c r="AL2" s="722"/>
      <c r="AN2" s="722"/>
      <c r="AO2" s="722"/>
      <c r="AP2" s="722"/>
      <c r="AQ2" s="575" t="s">
        <v>314</v>
      </c>
    </row>
    <row r="3" spans="1:43" s="506" customFormat="1" ht="11.25" customHeight="1" x14ac:dyDescent="0.15">
      <c r="A3" s="918" t="s">
        <v>237</v>
      </c>
      <c r="B3" s="992"/>
      <c r="C3" s="1037" t="s">
        <v>313</v>
      </c>
      <c r="D3" s="1038"/>
      <c r="E3" s="1038"/>
      <c r="F3" s="1038"/>
      <c r="G3" s="1038"/>
      <c r="H3" s="1038"/>
      <c r="I3" s="1038"/>
      <c r="J3" s="1038"/>
      <c r="K3" s="1038"/>
      <c r="L3" s="1038"/>
      <c r="M3" s="1038"/>
      <c r="N3" s="1039"/>
      <c r="O3" s="918" t="s">
        <v>237</v>
      </c>
      <c r="P3" s="992"/>
      <c r="Q3" s="1037" t="s">
        <v>369</v>
      </c>
      <c r="R3" s="1038"/>
      <c r="S3" s="1038"/>
      <c r="T3" s="1038"/>
      <c r="U3" s="1038"/>
      <c r="V3" s="1038"/>
      <c r="W3" s="1038"/>
      <c r="X3" s="1038"/>
      <c r="Y3" s="1038"/>
      <c r="Z3" s="1038"/>
      <c r="AA3" s="1039"/>
      <c r="AB3" s="918" t="s">
        <v>237</v>
      </c>
      <c r="AC3" s="992"/>
      <c r="AD3" s="1050" t="s">
        <v>482</v>
      </c>
      <c r="AE3" s="1051"/>
      <c r="AF3" s="1051"/>
      <c r="AG3" s="1051"/>
      <c r="AH3" s="1051"/>
      <c r="AI3" s="1051"/>
      <c r="AJ3" s="1052"/>
      <c r="AK3" s="1044" t="s">
        <v>309</v>
      </c>
      <c r="AL3" s="1045"/>
      <c r="AM3" s="935" t="s">
        <v>481</v>
      </c>
      <c r="AN3" s="936"/>
      <c r="AO3" s="1064"/>
      <c r="AP3" s="602"/>
      <c r="AQ3" s="604"/>
    </row>
    <row r="4" spans="1:43" s="506" customFormat="1" ht="11.25" customHeight="1" x14ac:dyDescent="0.15">
      <c r="A4" s="920"/>
      <c r="B4" s="993"/>
      <c r="C4" s="713" t="s">
        <v>303</v>
      </c>
      <c r="D4" s="712"/>
      <c r="E4" s="712"/>
      <c r="F4" s="712"/>
      <c r="G4" s="712"/>
      <c r="H4" s="721"/>
      <c r="I4" s="712"/>
      <c r="J4" s="712"/>
      <c r="K4" s="712"/>
      <c r="L4" s="712"/>
      <c r="M4" s="712"/>
      <c r="N4" s="720"/>
      <c r="O4" s="920"/>
      <c r="P4" s="993"/>
      <c r="Q4" s="999" t="s">
        <v>302</v>
      </c>
      <c r="R4" s="925"/>
      <c r="S4" s="925"/>
      <c r="T4" s="999" t="s">
        <v>364</v>
      </c>
      <c r="U4" s="925"/>
      <c r="V4" s="926"/>
      <c r="W4" s="924" t="s">
        <v>363</v>
      </c>
      <c r="X4" s="925"/>
      <c r="Y4" s="926"/>
      <c r="Z4" s="924" t="s">
        <v>480</v>
      </c>
      <c r="AA4" s="1013"/>
      <c r="AB4" s="920"/>
      <c r="AC4" s="993"/>
      <c r="AD4" s="1053" t="s">
        <v>479</v>
      </c>
      <c r="AE4" s="1057" t="s">
        <v>478</v>
      </c>
      <c r="AF4" s="1058"/>
      <c r="AG4" s="1059"/>
      <c r="AH4" s="1060"/>
      <c r="AI4" s="1020" t="s">
        <v>477</v>
      </c>
      <c r="AJ4" s="1055"/>
      <c r="AK4" s="1046"/>
      <c r="AL4" s="1047"/>
      <c r="AM4" s="961"/>
      <c r="AN4" s="962"/>
      <c r="AO4" s="1056"/>
      <c r="AP4" s="719" t="s">
        <v>476</v>
      </c>
      <c r="AQ4" s="718"/>
    </row>
    <row r="5" spans="1:43" s="506" customFormat="1" ht="10.5" customHeight="1" x14ac:dyDescent="0.15">
      <c r="A5" s="920"/>
      <c r="B5" s="993"/>
      <c r="C5" s="984" t="s">
        <v>475</v>
      </c>
      <c r="D5" s="1003"/>
      <c r="E5" s="985"/>
      <c r="F5" s="1069" t="s">
        <v>474</v>
      </c>
      <c r="G5" s="1070"/>
      <c r="H5" s="1071"/>
      <c r="I5" s="1072" t="s">
        <v>473</v>
      </c>
      <c r="J5" s="1070"/>
      <c r="K5" s="1073"/>
      <c r="L5" s="1069" t="s">
        <v>472</v>
      </c>
      <c r="M5" s="1070"/>
      <c r="N5" s="1074"/>
      <c r="O5" s="920"/>
      <c r="P5" s="993"/>
      <c r="Q5" s="1000"/>
      <c r="R5" s="928"/>
      <c r="S5" s="928"/>
      <c r="T5" s="1000"/>
      <c r="U5" s="928"/>
      <c r="V5" s="929"/>
      <c r="W5" s="927"/>
      <c r="X5" s="928"/>
      <c r="Y5" s="929"/>
      <c r="Z5" s="927"/>
      <c r="AA5" s="1014"/>
      <c r="AB5" s="920"/>
      <c r="AC5" s="993"/>
      <c r="AD5" s="1054"/>
      <c r="AE5" s="717"/>
      <c r="AF5" s="716"/>
      <c r="AG5" s="1061" t="s">
        <v>345</v>
      </c>
      <c r="AH5" s="1062"/>
      <c r="AI5" s="961"/>
      <c r="AJ5" s="1056"/>
      <c r="AK5" s="1048"/>
      <c r="AL5" s="1049"/>
      <c r="AM5" s="1067" t="s">
        <v>284</v>
      </c>
      <c r="AN5" s="1027" t="s">
        <v>471</v>
      </c>
      <c r="AO5" s="1065" t="s">
        <v>470</v>
      </c>
      <c r="AP5" s="715"/>
      <c r="AQ5" s="714"/>
    </row>
    <row r="6" spans="1:43" s="506" customFormat="1" ht="11.25" customHeight="1" thickBot="1" x14ac:dyDescent="0.2">
      <c r="A6" s="922"/>
      <c r="B6" s="994"/>
      <c r="C6" s="705" t="s">
        <v>268</v>
      </c>
      <c r="D6" s="711" t="s">
        <v>274</v>
      </c>
      <c r="E6" s="706" t="s">
        <v>267</v>
      </c>
      <c r="F6" s="705" t="s">
        <v>268</v>
      </c>
      <c r="G6" s="711" t="s">
        <v>274</v>
      </c>
      <c r="H6" s="704" t="s">
        <v>267</v>
      </c>
      <c r="I6" s="709" t="s">
        <v>268</v>
      </c>
      <c r="J6" s="711" t="s">
        <v>274</v>
      </c>
      <c r="K6" s="706" t="s">
        <v>267</v>
      </c>
      <c r="L6" s="705" t="s">
        <v>268</v>
      </c>
      <c r="M6" s="711" t="s">
        <v>274</v>
      </c>
      <c r="N6" s="707" t="s">
        <v>267</v>
      </c>
      <c r="O6" s="922"/>
      <c r="P6" s="994"/>
      <c r="Q6" s="709" t="s">
        <v>268</v>
      </c>
      <c r="R6" s="705" t="s">
        <v>276</v>
      </c>
      <c r="S6" s="706" t="s">
        <v>267</v>
      </c>
      <c r="T6" s="709" t="s">
        <v>268</v>
      </c>
      <c r="U6" s="711" t="s">
        <v>274</v>
      </c>
      <c r="V6" s="705" t="s">
        <v>267</v>
      </c>
      <c r="W6" s="705" t="s">
        <v>268</v>
      </c>
      <c r="X6" s="711" t="s">
        <v>274</v>
      </c>
      <c r="Y6" s="706" t="s">
        <v>267</v>
      </c>
      <c r="Z6" s="705" t="s">
        <v>469</v>
      </c>
      <c r="AA6" s="707" t="s">
        <v>267</v>
      </c>
      <c r="AB6" s="922"/>
      <c r="AC6" s="994"/>
      <c r="AD6" s="710" t="s">
        <v>468</v>
      </c>
      <c r="AE6" s="706" t="s">
        <v>467</v>
      </c>
      <c r="AF6" s="705" t="s">
        <v>269</v>
      </c>
      <c r="AG6" s="705" t="s">
        <v>338</v>
      </c>
      <c r="AH6" s="705" t="s">
        <v>337</v>
      </c>
      <c r="AI6" s="705" t="s">
        <v>467</v>
      </c>
      <c r="AJ6" s="704" t="s">
        <v>269</v>
      </c>
      <c r="AK6" s="709" t="s">
        <v>467</v>
      </c>
      <c r="AL6" s="706" t="s">
        <v>269</v>
      </c>
      <c r="AM6" s="1068"/>
      <c r="AN6" s="1063"/>
      <c r="AO6" s="1066"/>
      <c r="AP6" s="708" t="s">
        <v>268</v>
      </c>
      <c r="AQ6" s="707" t="s">
        <v>270</v>
      </c>
    </row>
    <row r="7" spans="1:43" s="506" customFormat="1" ht="12.75" customHeight="1" thickTop="1" x14ac:dyDescent="0.15">
      <c r="A7" s="332">
        <v>1</v>
      </c>
      <c r="B7" s="697" t="s">
        <v>465</v>
      </c>
      <c r="C7" s="456">
        <v>1519</v>
      </c>
      <c r="D7" s="456">
        <v>13049</v>
      </c>
      <c r="E7" s="456">
        <v>997969120</v>
      </c>
      <c r="F7" s="456">
        <v>91494</v>
      </c>
      <c r="G7" s="456">
        <v>126558</v>
      </c>
      <c r="H7" s="456">
        <v>854617830</v>
      </c>
      <c r="I7" s="456">
        <v>18559</v>
      </c>
      <c r="J7" s="456">
        <v>25968</v>
      </c>
      <c r="K7" s="456">
        <v>220103220</v>
      </c>
      <c r="L7" s="456">
        <v>111572</v>
      </c>
      <c r="M7" s="456">
        <v>165575</v>
      </c>
      <c r="N7" s="459">
        <v>2072690170</v>
      </c>
      <c r="O7" s="332">
        <v>1</v>
      </c>
      <c r="P7" s="697" t="s">
        <v>466</v>
      </c>
      <c r="Q7" s="456">
        <v>69999</v>
      </c>
      <c r="R7" s="456">
        <v>89096</v>
      </c>
      <c r="S7" s="456">
        <v>340125030</v>
      </c>
      <c r="T7" s="456">
        <v>1129</v>
      </c>
      <c r="U7" s="456">
        <v>24292</v>
      </c>
      <c r="V7" s="456">
        <v>15541754</v>
      </c>
      <c r="W7" s="456">
        <v>303</v>
      </c>
      <c r="X7" s="456">
        <v>1404</v>
      </c>
      <c r="Y7" s="456">
        <v>19246100</v>
      </c>
      <c r="Z7" s="456">
        <v>181874</v>
      </c>
      <c r="AA7" s="459">
        <v>2447603054</v>
      </c>
      <c r="AB7" s="332">
        <v>1</v>
      </c>
      <c r="AC7" s="697" t="s">
        <v>465</v>
      </c>
      <c r="AD7" s="456">
        <v>16</v>
      </c>
      <c r="AE7" s="456">
        <v>977</v>
      </c>
      <c r="AF7" s="456">
        <v>15093191</v>
      </c>
      <c r="AG7" s="456">
        <v>13</v>
      </c>
      <c r="AH7" s="456">
        <v>831659</v>
      </c>
      <c r="AI7" s="456">
        <v>0</v>
      </c>
      <c r="AJ7" s="457">
        <v>0</v>
      </c>
      <c r="AK7" s="336">
        <v>182867</v>
      </c>
      <c r="AL7" s="325">
        <v>2462696245</v>
      </c>
      <c r="AM7" s="456">
        <v>1962861713</v>
      </c>
      <c r="AN7" s="456">
        <v>174043857</v>
      </c>
      <c r="AO7" s="457">
        <v>325790675</v>
      </c>
      <c r="AP7" s="456">
        <v>1440</v>
      </c>
      <c r="AQ7" s="459">
        <v>139110398</v>
      </c>
    </row>
    <row r="8" spans="1:43" s="506" customFormat="1" ht="12.75" customHeight="1" x14ac:dyDescent="0.15">
      <c r="A8" s="332">
        <v>2</v>
      </c>
      <c r="B8" s="697" t="s">
        <v>464</v>
      </c>
      <c r="C8" s="456">
        <v>726</v>
      </c>
      <c r="D8" s="456">
        <v>5254</v>
      </c>
      <c r="E8" s="456">
        <v>396190270</v>
      </c>
      <c r="F8" s="456">
        <v>39887</v>
      </c>
      <c r="G8" s="456">
        <v>54996</v>
      </c>
      <c r="H8" s="456">
        <v>353101530</v>
      </c>
      <c r="I8" s="456">
        <v>7241</v>
      </c>
      <c r="J8" s="456">
        <v>9519</v>
      </c>
      <c r="K8" s="456">
        <v>80691660</v>
      </c>
      <c r="L8" s="456">
        <v>47854</v>
      </c>
      <c r="M8" s="456">
        <v>69769</v>
      </c>
      <c r="N8" s="459">
        <v>829983460</v>
      </c>
      <c r="O8" s="332">
        <v>2</v>
      </c>
      <c r="P8" s="697" t="s">
        <v>464</v>
      </c>
      <c r="Q8" s="456">
        <v>30929</v>
      </c>
      <c r="R8" s="456">
        <v>39134</v>
      </c>
      <c r="S8" s="456">
        <v>158272247</v>
      </c>
      <c r="T8" s="456">
        <v>509</v>
      </c>
      <c r="U8" s="456">
        <v>10236</v>
      </c>
      <c r="V8" s="456">
        <v>6651466</v>
      </c>
      <c r="W8" s="456">
        <v>110</v>
      </c>
      <c r="X8" s="456">
        <v>717</v>
      </c>
      <c r="Y8" s="456">
        <v>8844460</v>
      </c>
      <c r="Z8" s="456">
        <v>78893</v>
      </c>
      <c r="AA8" s="459">
        <v>1003751633</v>
      </c>
      <c r="AB8" s="332">
        <v>2</v>
      </c>
      <c r="AC8" s="697" t="s">
        <v>464</v>
      </c>
      <c r="AD8" s="456">
        <v>4</v>
      </c>
      <c r="AE8" s="456">
        <v>391</v>
      </c>
      <c r="AF8" s="456">
        <v>6026833</v>
      </c>
      <c r="AG8" s="456">
        <v>2</v>
      </c>
      <c r="AH8" s="456">
        <v>17210</v>
      </c>
      <c r="AI8" s="456">
        <v>0</v>
      </c>
      <c r="AJ8" s="457">
        <v>0</v>
      </c>
      <c r="AK8" s="336">
        <v>79288</v>
      </c>
      <c r="AL8" s="325">
        <v>1009778466</v>
      </c>
      <c r="AM8" s="456">
        <v>804870071</v>
      </c>
      <c r="AN8" s="456">
        <v>63674005</v>
      </c>
      <c r="AO8" s="457">
        <v>141234390</v>
      </c>
      <c r="AP8" s="456">
        <v>672</v>
      </c>
      <c r="AQ8" s="459">
        <v>54952663</v>
      </c>
    </row>
    <row r="9" spans="1:43" s="506" customFormat="1" ht="12.75" customHeight="1" x14ac:dyDescent="0.15">
      <c r="A9" s="332">
        <v>3</v>
      </c>
      <c r="B9" s="697" t="s">
        <v>463</v>
      </c>
      <c r="C9" s="456">
        <v>226</v>
      </c>
      <c r="D9" s="456">
        <v>1360</v>
      </c>
      <c r="E9" s="456">
        <v>107138170</v>
      </c>
      <c r="F9" s="456">
        <v>11952</v>
      </c>
      <c r="G9" s="456">
        <v>15790</v>
      </c>
      <c r="H9" s="456">
        <v>105165270</v>
      </c>
      <c r="I9" s="456">
        <v>2701</v>
      </c>
      <c r="J9" s="456">
        <v>3831</v>
      </c>
      <c r="K9" s="456">
        <v>32266560</v>
      </c>
      <c r="L9" s="456">
        <v>14879</v>
      </c>
      <c r="M9" s="456">
        <v>20981</v>
      </c>
      <c r="N9" s="459">
        <v>244570000</v>
      </c>
      <c r="O9" s="332">
        <v>3</v>
      </c>
      <c r="P9" s="697" t="s">
        <v>463</v>
      </c>
      <c r="Q9" s="456">
        <v>8818</v>
      </c>
      <c r="R9" s="456">
        <v>18875</v>
      </c>
      <c r="S9" s="456">
        <v>45482640</v>
      </c>
      <c r="T9" s="456">
        <v>184</v>
      </c>
      <c r="U9" s="456">
        <v>2861</v>
      </c>
      <c r="V9" s="456">
        <v>1809510</v>
      </c>
      <c r="W9" s="456">
        <v>50</v>
      </c>
      <c r="X9" s="456">
        <v>517</v>
      </c>
      <c r="Y9" s="456">
        <v>5808210</v>
      </c>
      <c r="Z9" s="456">
        <v>23747</v>
      </c>
      <c r="AA9" s="459">
        <v>297670360</v>
      </c>
      <c r="AB9" s="332">
        <v>3</v>
      </c>
      <c r="AC9" s="697" t="s">
        <v>463</v>
      </c>
      <c r="AD9" s="456">
        <v>0</v>
      </c>
      <c r="AE9" s="456">
        <v>103</v>
      </c>
      <c r="AF9" s="456">
        <v>1464926</v>
      </c>
      <c r="AG9" s="456">
        <v>0</v>
      </c>
      <c r="AH9" s="456">
        <v>0</v>
      </c>
      <c r="AI9" s="456">
        <v>0</v>
      </c>
      <c r="AJ9" s="457">
        <v>0</v>
      </c>
      <c r="AK9" s="336">
        <v>23850</v>
      </c>
      <c r="AL9" s="325">
        <v>299135286</v>
      </c>
      <c r="AM9" s="456">
        <v>238501697</v>
      </c>
      <c r="AN9" s="456">
        <v>15518803</v>
      </c>
      <c r="AO9" s="457">
        <v>45114786</v>
      </c>
      <c r="AP9" s="456">
        <v>168</v>
      </c>
      <c r="AQ9" s="459">
        <v>15135159</v>
      </c>
    </row>
    <row r="10" spans="1:43" s="506" customFormat="1" ht="12.75" customHeight="1" x14ac:dyDescent="0.15">
      <c r="A10" s="332">
        <v>4</v>
      </c>
      <c r="B10" s="697" t="s">
        <v>462</v>
      </c>
      <c r="C10" s="456">
        <v>95</v>
      </c>
      <c r="D10" s="456">
        <v>677</v>
      </c>
      <c r="E10" s="456">
        <v>49074080</v>
      </c>
      <c r="F10" s="456">
        <v>7196</v>
      </c>
      <c r="G10" s="456">
        <v>9631</v>
      </c>
      <c r="H10" s="456">
        <v>66283340</v>
      </c>
      <c r="I10" s="456">
        <v>1352</v>
      </c>
      <c r="J10" s="456">
        <v>1891</v>
      </c>
      <c r="K10" s="456">
        <v>15994770</v>
      </c>
      <c r="L10" s="456">
        <v>8643</v>
      </c>
      <c r="M10" s="456">
        <v>12199</v>
      </c>
      <c r="N10" s="459">
        <v>131352190</v>
      </c>
      <c r="O10" s="332">
        <v>4</v>
      </c>
      <c r="P10" s="697" t="s">
        <v>462</v>
      </c>
      <c r="Q10" s="456">
        <v>5023</v>
      </c>
      <c r="R10" s="456">
        <v>6160</v>
      </c>
      <c r="S10" s="456">
        <v>24694420</v>
      </c>
      <c r="T10" s="456">
        <v>78</v>
      </c>
      <c r="U10" s="456">
        <v>1508</v>
      </c>
      <c r="V10" s="456">
        <v>967352</v>
      </c>
      <c r="W10" s="456">
        <v>4</v>
      </c>
      <c r="X10" s="456">
        <v>12</v>
      </c>
      <c r="Y10" s="456">
        <v>185140</v>
      </c>
      <c r="Z10" s="456">
        <v>13670</v>
      </c>
      <c r="AA10" s="459">
        <v>157199102</v>
      </c>
      <c r="AB10" s="332">
        <v>4</v>
      </c>
      <c r="AC10" s="697" t="s">
        <v>462</v>
      </c>
      <c r="AD10" s="456">
        <v>1</v>
      </c>
      <c r="AE10" s="456">
        <v>87</v>
      </c>
      <c r="AF10" s="456">
        <v>1291037</v>
      </c>
      <c r="AG10" s="456">
        <v>0</v>
      </c>
      <c r="AH10" s="456">
        <v>0</v>
      </c>
      <c r="AI10" s="456">
        <v>0</v>
      </c>
      <c r="AJ10" s="457">
        <v>0</v>
      </c>
      <c r="AK10" s="336">
        <v>13758</v>
      </c>
      <c r="AL10" s="325">
        <v>158490139</v>
      </c>
      <c r="AM10" s="456">
        <v>126342093</v>
      </c>
      <c r="AN10" s="456">
        <v>5523445</v>
      </c>
      <c r="AO10" s="457">
        <v>26624601</v>
      </c>
      <c r="AP10" s="456">
        <v>32</v>
      </c>
      <c r="AQ10" s="459">
        <v>4878920</v>
      </c>
    </row>
    <row r="11" spans="1:43" s="506" customFormat="1" ht="12.75" customHeight="1" x14ac:dyDescent="0.15">
      <c r="A11" s="332">
        <v>5</v>
      </c>
      <c r="B11" s="697" t="s">
        <v>460</v>
      </c>
      <c r="C11" s="456">
        <v>56</v>
      </c>
      <c r="D11" s="456">
        <v>514</v>
      </c>
      <c r="E11" s="456">
        <v>41283520</v>
      </c>
      <c r="F11" s="456">
        <v>4319</v>
      </c>
      <c r="G11" s="456">
        <v>5901</v>
      </c>
      <c r="H11" s="456">
        <v>36797570</v>
      </c>
      <c r="I11" s="456">
        <v>828</v>
      </c>
      <c r="J11" s="456">
        <v>1080</v>
      </c>
      <c r="K11" s="456">
        <v>9285520</v>
      </c>
      <c r="L11" s="456">
        <v>5203</v>
      </c>
      <c r="M11" s="456">
        <v>7495</v>
      </c>
      <c r="N11" s="459">
        <v>87366610</v>
      </c>
      <c r="O11" s="332">
        <v>5</v>
      </c>
      <c r="P11" s="697" t="s">
        <v>460</v>
      </c>
      <c r="Q11" s="456">
        <v>3241</v>
      </c>
      <c r="R11" s="456">
        <v>3970</v>
      </c>
      <c r="S11" s="456">
        <v>17734370</v>
      </c>
      <c r="T11" s="456">
        <v>32</v>
      </c>
      <c r="U11" s="456">
        <v>959</v>
      </c>
      <c r="V11" s="456">
        <v>631542</v>
      </c>
      <c r="W11" s="456">
        <v>2</v>
      </c>
      <c r="X11" s="456">
        <v>3</v>
      </c>
      <c r="Y11" s="456">
        <v>73950</v>
      </c>
      <c r="Z11" s="456">
        <v>8446</v>
      </c>
      <c r="AA11" s="459">
        <v>105806472</v>
      </c>
      <c r="AB11" s="332">
        <v>5</v>
      </c>
      <c r="AC11" s="697" t="s">
        <v>461</v>
      </c>
      <c r="AD11" s="456">
        <v>2</v>
      </c>
      <c r="AE11" s="456">
        <v>57</v>
      </c>
      <c r="AF11" s="456">
        <v>1312189</v>
      </c>
      <c r="AG11" s="456">
        <v>3</v>
      </c>
      <c r="AH11" s="456">
        <v>5435</v>
      </c>
      <c r="AI11" s="456">
        <v>0</v>
      </c>
      <c r="AJ11" s="457">
        <v>0</v>
      </c>
      <c r="AK11" s="336">
        <v>8505</v>
      </c>
      <c r="AL11" s="325">
        <v>107118661</v>
      </c>
      <c r="AM11" s="456">
        <v>85387995</v>
      </c>
      <c r="AN11" s="456">
        <v>6612199</v>
      </c>
      <c r="AO11" s="457">
        <v>15118467</v>
      </c>
      <c r="AP11" s="456">
        <v>25</v>
      </c>
      <c r="AQ11" s="459">
        <v>4820623</v>
      </c>
    </row>
    <row r="12" spans="1:43" s="506" customFormat="1" ht="12.75" customHeight="1" x14ac:dyDescent="0.15">
      <c r="A12" s="332">
        <v>6</v>
      </c>
      <c r="B12" s="697" t="s">
        <v>459</v>
      </c>
      <c r="C12" s="456">
        <v>201</v>
      </c>
      <c r="D12" s="456">
        <v>1619</v>
      </c>
      <c r="E12" s="456">
        <v>113359510</v>
      </c>
      <c r="F12" s="456">
        <v>13227</v>
      </c>
      <c r="G12" s="456">
        <v>18462</v>
      </c>
      <c r="H12" s="456">
        <v>130752042</v>
      </c>
      <c r="I12" s="456">
        <v>2755</v>
      </c>
      <c r="J12" s="456">
        <v>3767</v>
      </c>
      <c r="K12" s="456">
        <v>32802520</v>
      </c>
      <c r="L12" s="456">
        <v>16183</v>
      </c>
      <c r="M12" s="456">
        <v>23848</v>
      </c>
      <c r="N12" s="459">
        <v>276914072</v>
      </c>
      <c r="O12" s="332">
        <v>6</v>
      </c>
      <c r="P12" s="697" t="s">
        <v>458</v>
      </c>
      <c r="Q12" s="456">
        <v>9929</v>
      </c>
      <c r="R12" s="456">
        <v>12956</v>
      </c>
      <c r="S12" s="456">
        <v>52288360</v>
      </c>
      <c r="T12" s="456">
        <v>150</v>
      </c>
      <c r="U12" s="456">
        <v>2751</v>
      </c>
      <c r="V12" s="456">
        <v>1765056</v>
      </c>
      <c r="W12" s="456">
        <v>52</v>
      </c>
      <c r="X12" s="456">
        <v>483</v>
      </c>
      <c r="Y12" s="456">
        <v>6487220</v>
      </c>
      <c r="Z12" s="456">
        <v>26164</v>
      </c>
      <c r="AA12" s="459">
        <v>337454708</v>
      </c>
      <c r="AB12" s="332">
        <v>6</v>
      </c>
      <c r="AC12" s="697" t="s">
        <v>458</v>
      </c>
      <c r="AD12" s="456">
        <v>0</v>
      </c>
      <c r="AE12" s="456">
        <v>93</v>
      </c>
      <c r="AF12" s="456">
        <v>1984086</v>
      </c>
      <c r="AG12" s="456">
        <v>0</v>
      </c>
      <c r="AH12" s="456">
        <v>0</v>
      </c>
      <c r="AI12" s="456">
        <v>0</v>
      </c>
      <c r="AJ12" s="457">
        <v>0</v>
      </c>
      <c r="AK12" s="336">
        <v>26257</v>
      </c>
      <c r="AL12" s="325">
        <v>339438794</v>
      </c>
      <c r="AM12" s="456">
        <v>270719363</v>
      </c>
      <c r="AN12" s="456">
        <v>12899236</v>
      </c>
      <c r="AO12" s="457">
        <v>55820195</v>
      </c>
      <c r="AP12" s="456">
        <v>78</v>
      </c>
      <c r="AQ12" s="459">
        <v>13169699</v>
      </c>
    </row>
    <row r="13" spans="1:43" s="506" customFormat="1" ht="12.75" customHeight="1" x14ac:dyDescent="0.15">
      <c r="A13" s="332">
        <v>7</v>
      </c>
      <c r="B13" s="697" t="s">
        <v>457</v>
      </c>
      <c r="C13" s="456">
        <v>102</v>
      </c>
      <c r="D13" s="456">
        <v>852</v>
      </c>
      <c r="E13" s="456">
        <v>61989920</v>
      </c>
      <c r="F13" s="456">
        <v>4785</v>
      </c>
      <c r="G13" s="456">
        <v>6929</v>
      </c>
      <c r="H13" s="456">
        <v>47634930</v>
      </c>
      <c r="I13" s="456">
        <v>871</v>
      </c>
      <c r="J13" s="456">
        <v>1194</v>
      </c>
      <c r="K13" s="456">
        <v>8581540</v>
      </c>
      <c r="L13" s="456">
        <v>5758</v>
      </c>
      <c r="M13" s="456">
        <v>8975</v>
      </c>
      <c r="N13" s="459">
        <v>118206390</v>
      </c>
      <c r="O13" s="332">
        <v>7</v>
      </c>
      <c r="P13" s="697" t="s">
        <v>457</v>
      </c>
      <c r="Q13" s="456">
        <v>3726</v>
      </c>
      <c r="R13" s="456">
        <v>5075</v>
      </c>
      <c r="S13" s="456">
        <v>19313620</v>
      </c>
      <c r="T13" s="456">
        <v>79</v>
      </c>
      <c r="U13" s="456">
        <v>1397</v>
      </c>
      <c r="V13" s="456">
        <v>898992</v>
      </c>
      <c r="W13" s="456">
        <v>14</v>
      </c>
      <c r="X13" s="456">
        <v>125</v>
      </c>
      <c r="Y13" s="456">
        <v>1535620</v>
      </c>
      <c r="Z13" s="456">
        <v>9498</v>
      </c>
      <c r="AA13" s="459">
        <v>139954622</v>
      </c>
      <c r="AB13" s="332">
        <v>7</v>
      </c>
      <c r="AC13" s="697" t="s">
        <v>457</v>
      </c>
      <c r="AD13" s="456">
        <v>0</v>
      </c>
      <c r="AE13" s="456">
        <v>29</v>
      </c>
      <c r="AF13" s="456">
        <v>309087</v>
      </c>
      <c r="AG13" s="456">
        <v>0</v>
      </c>
      <c r="AH13" s="456">
        <v>0</v>
      </c>
      <c r="AI13" s="456">
        <v>0</v>
      </c>
      <c r="AJ13" s="457">
        <v>0</v>
      </c>
      <c r="AK13" s="336">
        <v>9527</v>
      </c>
      <c r="AL13" s="325">
        <v>140263709</v>
      </c>
      <c r="AM13" s="456">
        <v>111863492</v>
      </c>
      <c r="AN13" s="456">
        <v>9003245</v>
      </c>
      <c r="AO13" s="457">
        <v>19396972</v>
      </c>
      <c r="AP13" s="456">
        <v>81</v>
      </c>
      <c r="AQ13" s="459">
        <v>8711649</v>
      </c>
    </row>
    <row r="14" spans="1:43" s="506" customFormat="1" ht="12.75" customHeight="1" x14ac:dyDescent="0.15">
      <c r="A14" s="332">
        <v>8</v>
      </c>
      <c r="B14" s="697" t="s">
        <v>456</v>
      </c>
      <c r="C14" s="456">
        <v>117</v>
      </c>
      <c r="D14" s="456">
        <v>947</v>
      </c>
      <c r="E14" s="456">
        <v>61227580</v>
      </c>
      <c r="F14" s="456">
        <v>7160</v>
      </c>
      <c r="G14" s="456">
        <v>9756</v>
      </c>
      <c r="H14" s="456">
        <v>64950780</v>
      </c>
      <c r="I14" s="456">
        <v>1378</v>
      </c>
      <c r="J14" s="456">
        <v>1869</v>
      </c>
      <c r="K14" s="456">
        <v>15393580</v>
      </c>
      <c r="L14" s="456">
        <v>8655</v>
      </c>
      <c r="M14" s="456">
        <v>12572</v>
      </c>
      <c r="N14" s="459">
        <v>141571940</v>
      </c>
      <c r="O14" s="332">
        <v>8</v>
      </c>
      <c r="P14" s="697" t="s">
        <v>456</v>
      </c>
      <c r="Q14" s="456">
        <v>5540</v>
      </c>
      <c r="R14" s="456">
        <v>6966</v>
      </c>
      <c r="S14" s="456">
        <v>26849180</v>
      </c>
      <c r="T14" s="456">
        <v>90</v>
      </c>
      <c r="U14" s="456">
        <v>2290</v>
      </c>
      <c r="V14" s="456">
        <v>1487946</v>
      </c>
      <c r="W14" s="456">
        <v>16</v>
      </c>
      <c r="X14" s="456">
        <v>92</v>
      </c>
      <c r="Y14" s="456">
        <v>1393700</v>
      </c>
      <c r="Z14" s="456">
        <v>14211</v>
      </c>
      <c r="AA14" s="459">
        <v>171302766</v>
      </c>
      <c r="AB14" s="332">
        <v>8</v>
      </c>
      <c r="AC14" s="697" t="s">
        <v>455</v>
      </c>
      <c r="AD14" s="456">
        <v>0</v>
      </c>
      <c r="AE14" s="456">
        <v>47</v>
      </c>
      <c r="AF14" s="456">
        <v>643196</v>
      </c>
      <c r="AG14" s="456">
        <v>0</v>
      </c>
      <c r="AH14" s="456">
        <v>0</v>
      </c>
      <c r="AI14" s="456">
        <v>0</v>
      </c>
      <c r="AJ14" s="457">
        <v>0</v>
      </c>
      <c r="AK14" s="336">
        <v>14258</v>
      </c>
      <c r="AL14" s="325">
        <v>171945962</v>
      </c>
      <c r="AM14" s="456">
        <v>136810285</v>
      </c>
      <c r="AN14" s="456">
        <v>8895108</v>
      </c>
      <c r="AO14" s="457">
        <v>26240569</v>
      </c>
      <c r="AP14" s="456">
        <v>81</v>
      </c>
      <c r="AQ14" s="459">
        <v>7155042</v>
      </c>
    </row>
    <row r="15" spans="1:43" s="506" customFormat="1" ht="12.75" customHeight="1" x14ac:dyDescent="0.15">
      <c r="A15" s="332">
        <v>9</v>
      </c>
      <c r="B15" s="697" t="s">
        <v>453</v>
      </c>
      <c r="C15" s="456">
        <v>31</v>
      </c>
      <c r="D15" s="456">
        <v>241</v>
      </c>
      <c r="E15" s="456">
        <v>20019300</v>
      </c>
      <c r="F15" s="456">
        <v>1570</v>
      </c>
      <c r="G15" s="456">
        <v>1979</v>
      </c>
      <c r="H15" s="456">
        <v>12468240</v>
      </c>
      <c r="I15" s="456">
        <v>396</v>
      </c>
      <c r="J15" s="456">
        <v>522</v>
      </c>
      <c r="K15" s="456">
        <v>4446550</v>
      </c>
      <c r="L15" s="456">
        <v>1997</v>
      </c>
      <c r="M15" s="456">
        <v>2742</v>
      </c>
      <c r="N15" s="459">
        <v>36934090</v>
      </c>
      <c r="O15" s="332">
        <v>9</v>
      </c>
      <c r="P15" s="697" t="s">
        <v>454</v>
      </c>
      <c r="Q15" s="456">
        <v>1205</v>
      </c>
      <c r="R15" s="456">
        <v>1429</v>
      </c>
      <c r="S15" s="456">
        <v>5835350</v>
      </c>
      <c r="T15" s="456">
        <v>25</v>
      </c>
      <c r="U15" s="456">
        <v>522</v>
      </c>
      <c r="V15" s="456">
        <v>334596</v>
      </c>
      <c r="W15" s="456">
        <v>12</v>
      </c>
      <c r="X15" s="456">
        <v>39</v>
      </c>
      <c r="Y15" s="456">
        <v>598960</v>
      </c>
      <c r="Z15" s="456">
        <v>3214</v>
      </c>
      <c r="AA15" s="459">
        <v>43702996</v>
      </c>
      <c r="AB15" s="332">
        <v>9</v>
      </c>
      <c r="AC15" s="697" t="s">
        <v>453</v>
      </c>
      <c r="AD15" s="456">
        <v>0</v>
      </c>
      <c r="AE15" s="456">
        <v>14</v>
      </c>
      <c r="AF15" s="456">
        <v>263103</v>
      </c>
      <c r="AG15" s="456">
        <v>0</v>
      </c>
      <c r="AH15" s="456">
        <v>0</v>
      </c>
      <c r="AI15" s="456">
        <v>0</v>
      </c>
      <c r="AJ15" s="457">
        <v>0</v>
      </c>
      <c r="AK15" s="336">
        <v>3228</v>
      </c>
      <c r="AL15" s="325">
        <v>43966099</v>
      </c>
      <c r="AM15" s="456">
        <v>35029377</v>
      </c>
      <c r="AN15" s="456">
        <v>3509079</v>
      </c>
      <c r="AO15" s="457">
        <v>5427643</v>
      </c>
      <c r="AP15" s="456">
        <v>15</v>
      </c>
      <c r="AQ15" s="459">
        <v>2630306</v>
      </c>
    </row>
    <row r="16" spans="1:43" s="506" customFormat="1" ht="12.75" customHeight="1" x14ac:dyDescent="0.15">
      <c r="A16" s="332">
        <v>10</v>
      </c>
      <c r="B16" s="697" t="s">
        <v>452</v>
      </c>
      <c r="C16" s="456">
        <v>382</v>
      </c>
      <c r="D16" s="456">
        <v>2768</v>
      </c>
      <c r="E16" s="456">
        <v>222904230</v>
      </c>
      <c r="F16" s="456">
        <v>20355</v>
      </c>
      <c r="G16" s="456">
        <v>27317</v>
      </c>
      <c r="H16" s="456">
        <v>201895210</v>
      </c>
      <c r="I16" s="456">
        <v>3797</v>
      </c>
      <c r="J16" s="456">
        <v>5195</v>
      </c>
      <c r="K16" s="456">
        <v>42004050</v>
      </c>
      <c r="L16" s="456">
        <v>24534</v>
      </c>
      <c r="M16" s="456">
        <v>35280</v>
      </c>
      <c r="N16" s="459">
        <v>466803490</v>
      </c>
      <c r="O16" s="332">
        <v>10</v>
      </c>
      <c r="P16" s="697" t="s">
        <v>452</v>
      </c>
      <c r="Q16" s="456">
        <v>16067</v>
      </c>
      <c r="R16" s="456">
        <v>20160</v>
      </c>
      <c r="S16" s="456">
        <v>84870510</v>
      </c>
      <c r="T16" s="456">
        <v>305</v>
      </c>
      <c r="U16" s="456">
        <v>5536</v>
      </c>
      <c r="V16" s="456">
        <v>3535950</v>
      </c>
      <c r="W16" s="456">
        <v>88</v>
      </c>
      <c r="X16" s="456">
        <v>570</v>
      </c>
      <c r="Y16" s="456">
        <v>8216890</v>
      </c>
      <c r="Z16" s="456">
        <v>40689</v>
      </c>
      <c r="AA16" s="459">
        <v>563426840</v>
      </c>
      <c r="AB16" s="332">
        <v>10</v>
      </c>
      <c r="AC16" s="697" t="s">
        <v>452</v>
      </c>
      <c r="AD16" s="456">
        <v>0</v>
      </c>
      <c r="AE16" s="456">
        <v>200</v>
      </c>
      <c r="AF16" s="456">
        <v>2817360</v>
      </c>
      <c r="AG16" s="456">
        <v>0</v>
      </c>
      <c r="AH16" s="456">
        <v>0</v>
      </c>
      <c r="AI16" s="456">
        <v>0</v>
      </c>
      <c r="AJ16" s="457">
        <v>0</v>
      </c>
      <c r="AK16" s="336">
        <v>40889</v>
      </c>
      <c r="AL16" s="325">
        <v>566244200</v>
      </c>
      <c r="AM16" s="456">
        <v>451268093</v>
      </c>
      <c r="AN16" s="456">
        <v>37241053</v>
      </c>
      <c r="AO16" s="457">
        <v>77735054</v>
      </c>
      <c r="AP16" s="456">
        <v>169</v>
      </c>
      <c r="AQ16" s="459">
        <v>28068478</v>
      </c>
    </row>
    <row r="17" spans="1:43" s="506" customFormat="1" ht="12.75" customHeight="1" x14ac:dyDescent="0.15">
      <c r="A17" s="332">
        <v>11</v>
      </c>
      <c r="B17" s="697" t="s">
        <v>451</v>
      </c>
      <c r="C17" s="456">
        <v>18</v>
      </c>
      <c r="D17" s="456">
        <v>121</v>
      </c>
      <c r="E17" s="456">
        <v>9597370</v>
      </c>
      <c r="F17" s="456">
        <v>1713</v>
      </c>
      <c r="G17" s="456">
        <v>2246</v>
      </c>
      <c r="H17" s="456">
        <v>13951930</v>
      </c>
      <c r="I17" s="456">
        <v>371</v>
      </c>
      <c r="J17" s="456">
        <v>508</v>
      </c>
      <c r="K17" s="456">
        <v>4121030</v>
      </c>
      <c r="L17" s="456">
        <v>2102</v>
      </c>
      <c r="M17" s="456">
        <v>2875</v>
      </c>
      <c r="N17" s="459">
        <v>27670330</v>
      </c>
      <c r="O17" s="332">
        <v>11</v>
      </c>
      <c r="P17" s="697" t="s">
        <v>451</v>
      </c>
      <c r="Q17" s="456">
        <v>1317</v>
      </c>
      <c r="R17" s="456">
        <v>1634</v>
      </c>
      <c r="S17" s="456">
        <v>5964000</v>
      </c>
      <c r="T17" s="456">
        <v>14</v>
      </c>
      <c r="U17" s="456">
        <v>262</v>
      </c>
      <c r="V17" s="456">
        <v>167828</v>
      </c>
      <c r="W17" s="456">
        <v>0</v>
      </c>
      <c r="X17" s="456">
        <v>0</v>
      </c>
      <c r="Y17" s="456">
        <v>0</v>
      </c>
      <c r="Z17" s="456">
        <v>3419</v>
      </c>
      <c r="AA17" s="459">
        <v>33802158</v>
      </c>
      <c r="AB17" s="332">
        <v>11</v>
      </c>
      <c r="AC17" s="697" t="s">
        <v>451</v>
      </c>
      <c r="AD17" s="456">
        <v>0</v>
      </c>
      <c r="AE17" s="456">
        <v>2</v>
      </c>
      <c r="AF17" s="456">
        <v>21160</v>
      </c>
      <c r="AG17" s="456">
        <v>0</v>
      </c>
      <c r="AH17" s="456">
        <v>0</v>
      </c>
      <c r="AI17" s="456">
        <v>0</v>
      </c>
      <c r="AJ17" s="457">
        <v>0</v>
      </c>
      <c r="AK17" s="336">
        <v>3421</v>
      </c>
      <c r="AL17" s="325">
        <v>33823318</v>
      </c>
      <c r="AM17" s="456">
        <v>26971700</v>
      </c>
      <c r="AN17" s="456">
        <v>1559354</v>
      </c>
      <c r="AO17" s="457">
        <v>5292264</v>
      </c>
      <c r="AP17" s="456">
        <v>14</v>
      </c>
      <c r="AQ17" s="459">
        <v>1134931</v>
      </c>
    </row>
    <row r="18" spans="1:43" s="506" customFormat="1" ht="12.75" customHeight="1" x14ac:dyDescent="0.15">
      <c r="A18" s="332">
        <v>12</v>
      </c>
      <c r="B18" s="697" t="s">
        <v>449</v>
      </c>
      <c r="C18" s="456">
        <v>51</v>
      </c>
      <c r="D18" s="456">
        <v>292</v>
      </c>
      <c r="E18" s="456">
        <v>25787770</v>
      </c>
      <c r="F18" s="456">
        <v>3878</v>
      </c>
      <c r="G18" s="456">
        <v>4959</v>
      </c>
      <c r="H18" s="456">
        <v>38679900</v>
      </c>
      <c r="I18" s="456">
        <v>817</v>
      </c>
      <c r="J18" s="456">
        <v>1197</v>
      </c>
      <c r="K18" s="456">
        <v>8805180</v>
      </c>
      <c r="L18" s="456">
        <v>4746</v>
      </c>
      <c r="M18" s="456">
        <v>6448</v>
      </c>
      <c r="N18" s="459">
        <v>73272850</v>
      </c>
      <c r="O18" s="332">
        <v>12</v>
      </c>
      <c r="P18" s="697" t="s">
        <v>450</v>
      </c>
      <c r="Q18" s="456">
        <v>2628</v>
      </c>
      <c r="R18" s="456">
        <v>3227</v>
      </c>
      <c r="S18" s="456">
        <v>14052660</v>
      </c>
      <c r="T18" s="456">
        <v>41</v>
      </c>
      <c r="U18" s="456">
        <v>460</v>
      </c>
      <c r="V18" s="456">
        <v>295454</v>
      </c>
      <c r="W18" s="456">
        <v>6</v>
      </c>
      <c r="X18" s="456">
        <v>20</v>
      </c>
      <c r="Y18" s="456">
        <v>250440</v>
      </c>
      <c r="Z18" s="456">
        <v>7380</v>
      </c>
      <c r="AA18" s="459">
        <v>87871404</v>
      </c>
      <c r="AB18" s="332">
        <v>12</v>
      </c>
      <c r="AC18" s="697" t="s">
        <v>449</v>
      </c>
      <c r="AD18" s="456">
        <v>0</v>
      </c>
      <c r="AE18" s="456">
        <v>24</v>
      </c>
      <c r="AF18" s="456">
        <v>260326</v>
      </c>
      <c r="AG18" s="456">
        <v>0</v>
      </c>
      <c r="AH18" s="456">
        <v>0</v>
      </c>
      <c r="AI18" s="456">
        <v>0</v>
      </c>
      <c r="AJ18" s="457">
        <v>0</v>
      </c>
      <c r="AK18" s="336">
        <v>7404</v>
      </c>
      <c r="AL18" s="325">
        <v>88131730</v>
      </c>
      <c r="AM18" s="456">
        <v>70353877</v>
      </c>
      <c r="AN18" s="456">
        <v>4075128</v>
      </c>
      <c r="AO18" s="457">
        <v>13702725</v>
      </c>
      <c r="AP18" s="456">
        <v>63</v>
      </c>
      <c r="AQ18" s="459">
        <v>2371031</v>
      </c>
    </row>
    <row r="19" spans="1:43" s="506" customFormat="1" ht="12.75" customHeight="1" x14ac:dyDescent="0.15">
      <c r="A19" s="332">
        <v>13</v>
      </c>
      <c r="B19" s="697" t="s">
        <v>447</v>
      </c>
      <c r="C19" s="456">
        <v>183</v>
      </c>
      <c r="D19" s="456">
        <v>1445</v>
      </c>
      <c r="E19" s="456">
        <v>113027430</v>
      </c>
      <c r="F19" s="456">
        <v>7864</v>
      </c>
      <c r="G19" s="456">
        <v>10110</v>
      </c>
      <c r="H19" s="456">
        <v>74915830</v>
      </c>
      <c r="I19" s="456">
        <v>1424</v>
      </c>
      <c r="J19" s="456">
        <v>2005</v>
      </c>
      <c r="K19" s="456">
        <v>16315160</v>
      </c>
      <c r="L19" s="456">
        <v>9471</v>
      </c>
      <c r="M19" s="456">
        <v>13560</v>
      </c>
      <c r="N19" s="459">
        <v>204258420</v>
      </c>
      <c r="O19" s="332">
        <v>13</v>
      </c>
      <c r="P19" s="697" t="s">
        <v>448</v>
      </c>
      <c r="Q19" s="456">
        <v>5388</v>
      </c>
      <c r="R19" s="456">
        <v>6581</v>
      </c>
      <c r="S19" s="456">
        <v>25574930</v>
      </c>
      <c r="T19" s="456">
        <v>112</v>
      </c>
      <c r="U19" s="456">
        <v>2701</v>
      </c>
      <c r="V19" s="456">
        <v>1761322</v>
      </c>
      <c r="W19" s="456">
        <v>23</v>
      </c>
      <c r="X19" s="456">
        <v>130</v>
      </c>
      <c r="Y19" s="456">
        <v>1938260</v>
      </c>
      <c r="Z19" s="456">
        <v>14882</v>
      </c>
      <c r="AA19" s="459">
        <v>233532932</v>
      </c>
      <c r="AB19" s="332">
        <v>13</v>
      </c>
      <c r="AC19" s="697" t="s">
        <v>447</v>
      </c>
      <c r="AD19" s="456">
        <v>1</v>
      </c>
      <c r="AE19" s="456">
        <v>344</v>
      </c>
      <c r="AF19" s="456">
        <v>3918432</v>
      </c>
      <c r="AG19" s="456">
        <v>0</v>
      </c>
      <c r="AH19" s="456">
        <v>0</v>
      </c>
      <c r="AI19" s="456">
        <v>0</v>
      </c>
      <c r="AJ19" s="457">
        <v>0</v>
      </c>
      <c r="AK19" s="336">
        <v>15227</v>
      </c>
      <c r="AL19" s="325">
        <v>237451364</v>
      </c>
      <c r="AM19" s="456">
        <v>189071167</v>
      </c>
      <c r="AN19" s="456">
        <v>17138138</v>
      </c>
      <c r="AO19" s="457">
        <v>31242059</v>
      </c>
      <c r="AP19" s="456">
        <v>102</v>
      </c>
      <c r="AQ19" s="459">
        <v>19124134</v>
      </c>
    </row>
    <row r="20" spans="1:43" s="506" customFormat="1" ht="12.75" customHeight="1" x14ac:dyDescent="0.15">
      <c r="A20" s="332">
        <v>14</v>
      </c>
      <c r="B20" s="697" t="s">
        <v>446</v>
      </c>
      <c r="C20" s="456">
        <v>152</v>
      </c>
      <c r="D20" s="456">
        <v>994</v>
      </c>
      <c r="E20" s="456">
        <v>72314200</v>
      </c>
      <c r="F20" s="456">
        <v>7570</v>
      </c>
      <c r="G20" s="456">
        <v>9865</v>
      </c>
      <c r="H20" s="456">
        <v>69545440</v>
      </c>
      <c r="I20" s="456">
        <v>1731</v>
      </c>
      <c r="J20" s="456">
        <v>2545</v>
      </c>
      <c r="K20" s="456">
        <v>21369980</v>
      </c>
      <c r="L20" s="456">
        <v>9453</v>
      </c>
      <c r="M20" s="456">
        <v>13404</v>
      </c>
      <c r="N20" s="459">
        <v>163229620</v>
      </c>
      <c r="O20" s="332">
        <v>14</v>
      </c>
      <c r="P20" s="697" t="s">
        <v>446</v>
      </c>
      <c r="Q20" s="456">
        <v>5886</v>
      </c>
      <c r="R20" s="456">
        <v>7193</v>
      </c>
      <c r="S20" s="456">
        <v>26800630</v>
      </c>
      <c r="T20" s="456">
        <v>112</v>
      </c>
      <c r="U20" s="456">
        <v>1892</v>
      </c>
      <c r="V20" s="456">
        <v>1190259</v>
      </c>
      <c r="W20" s="456">
        <v>48</v>
      </c>
      <c r="X20" s="456">
        <v>355</v>
      </c>
      <c r="Y20" s="456">
        <v>4947230</v>
      </c>
      <c r="Z20" s="456">
        <v>15387</v>
      </c>
      <c r="AA20" s="459">
        <v>196167739</v>
      </c>
      <c r="AB20" s="332">
        <v>14</v>
      </c>
      <c r="AC20" s="697" t="s">
        <v>446</v>
      </c>
      <c r="AD20" s="456">
        <v>0</v>
      </c>
      <c r="AE20" s="456">
        <v>51</v>
      </c>
      <c r="AF20" s="456">
        <v>655035</v>
      </c>
      <c r="AG20" s="456">
        <v>0</v>
      </c>
      <c r="AH20" s="456">
        <v>0</v>
      </c>
      <c r="AI20" s="456">
        <v>0</v>
      </c>
      <c r="AJ20" s="457">
        <v>0</v>
      </c>
      <c r="AK20" s="336">
        <v>15438</v>
      </c>
      <c r="AL20" s="325">
        <v>196822774</v>
      </c>
      <c r="AM20" s="456">
        <v>156879995</v>
      </c>
      <c r="AN20" s="456">
        <v>11825945</v>
      </c>
      <c r="AO20" s="457">
        <v>28116834</v>
      </c>
      <c r="AP20" s="456">
        <v>63</v>
      </c>
      <c r="AQ20" s="459">
        <v>10326471</v>
      </c>
    </row>
    <row r="21" spans="1:43" s="506" customFormat="1" ht="12.75" customHeight="1" x14ac:dyDescent="0.15">
      <c r="A21" s="332">
        <v>15</v>
      </c>
      <c r="B21" s="697" t="s">
        <v>445</v>
      </c>
      <c r="C21" s="456">
        <v>47</v>
      </c>
      <c r="D21" s="456">
        <v>332</v>
      </c>
      <c r="E21" s="456">
        <v>19598920</v>
      </c>
      <c r="F21" s="456">
        <v>2198</v>
      </c>
      <c r="G21" s="456">
        <v>2783</v>
      </c>
      <c r="H21" s="456">
        <v>19121610</v>
      </c>
      <c r="I21" s="456">
        <v>523</v>
      </c>
      <c r="J21" s="456">
        <v>693</v>
      </c>
      <c r="K21" s="456">
        <v>5296310</v>
      </c>
      <c r="L21" s="456">
        <v>2768</v>
      </c>
      <c r="M21" s="456">
        <v>3808</v>
      </c>
      <c r="N21" s="459">
        <v>44016840</v>
      </c>
      <c r="O21" s="332">
        <v>15</v>
      </c>
      <c r="P21" s="697" t="s">
        <v>445</v>
      </c>
      <c r="Q21" s="456">
        <v>1756</v>
      </c>
      <c r="R21" s="456">
        <v>2091</v>
      </c>
      <c r="S21" s="456">
        <v>8679580</v>
      </c>
      <c r="T21" s="456">
        <v>35</v>
      </c>
      <c r="U21" s="456">
        <v>578</v>
      </c>
      <c r="V21" s="456">
        <v>364510</v>
      </c>
      <c r="W21" s="456">
        <v>0</v>
      </c>
      <c r="X21" s="456">
        <v>0</v>
      </c>
      <c r="Y21" s="456">
        <v>0</v>
      </c>
      <c r="Z21" s="456">
        <v>4524</v>
      </c>
      <c r="AA21" s="459">
        <v>53060930</v>
      </c>
      <c r="AB21" s="332">
        <v>15</v>
      </c>
      <c r="AC21" s="697" t="s">
        <v>445</v>
      </c>
      <c r="AD21" s="456">
        <v>0</v>
      </c>
      <c r="AE21" s="456">
        <v>18</v>
      </c>
      <c r="AF21" s="456">
        <v>446259</v>
      </c>
      <c r="AG21" s="456">
        <v>1</v>
      </c>
      <c r="AH21" s="456">
        <v>80735</v>
      </c>
      <c r="AI21" s="456">
        <v>0</v>
      </c>
      <c r="AJ21" s="457">
        <v>0</v>
      </c>
      <c r="AK21" s="336">
        <v>4542</v>
      </c>
      <c r="AL21" s="325">
        <v>53507189</v>
      </c>
      <c r="AM21" s="456">
        <v>42638025</v>
      </c>
      <c r="AN21" s="456">
        <v>2809189</v>
      </c>
      <c r="AO21" s="457">
        <v>8059975</v>
      </c>
      <c r="AP21" s="456">
        <v>17</v>
      </c>
      <c r="AQ21" s="459">
        <v>2230328</v>
      </c>
    </row>
    <row r="22" spans="1:43" s="506" customFormat="1" ht="12.75" customHeight="1" x14ac:dyDescent="0.15">
      <c r="A22" s="332">
        <v>16</v>
      </c>
      <c r="B22" s="697" t="s">
        <v>444</v>
      </c>
      <c r="C22" s="456">
        <v>67</v>
      </c>
      <c r="D22" s="456">
        <v>654</v>
      </c>
      <c r="E22" s="456">
        <v>48866310</v>
      </c>
      <c r="F22" s="456">
        <v>3105</v>
      </c>
      <c r="G22" s="456">
        <v>4022</v>
      </c>
      <c r="H22" s="456">
        <v>29321580</v>
      </c>
      <c r="I22" s="456">
        <v>598</v>
      </c>
      <c r="J22" s="456">
        <v>751</v>
      </c>
      <c r="K22" s="456">
        <v>5755400</v>
      </c>
      <c r="L22" s="456">
        <v>3770</v>
      </c>
      <c r="M22" s="456">
        <v>5427</v>
      </c>
      <c r="N22" s="459">
        <v>83943290</v>
      </c>
      <c r="O22" s="332">
        <v>16</v>
      </c>
      <c r="P22" s="697" t="s">
        <v>444</v>
      </c>
      <c r="Q22" s="456">
        <v>2260</v>
      </c>
      <c r="R22" s="456">
        <v>2703</v>
      </c>
      <c r="S22" s="456">
        <v>11343260</v>
      </c>
      <c r="T22" s="456">
        <v>46</v>
      </c>
      <c r="U22" s="456">
        <v>1266</v>
      </c>
      <c r="V22" s="456">
        <v>818638</v>
      </c>
      <c r="W22" s="456">
        <v>24</v>
      </c>
      <c r="X22" s="456">
        <v>149</v>
      </c>
      <c r="Y22" s="456">
        <v>1680810</v>
      </c>
      <c r="Z22" s="456">
        <v>6054</v>
      </c>
      <c r="AA22" s="459">
        <v>97785998</v>
      </c>
      <c r="AB22" s="364">
        <v>16</v>
      </c>
      <c r="AC22" s="697" t="s">
        <v>444</v>
      </c>
      <c r="AD22" s="456">
        <v>0</v>
      </c>
      <c r="AE22" s="456">
        <v>16</v>
      </c>
      <c r="AF22" s="456">
        <v>485397</v>
      </c>
      <c r="AG22" s="456">
        <v>0</v>
      </c>
      <c r="AH22" s="456">
        <v>0</v>
      </c>
      <c r="AI22" s="456">
        <v>0</v>
      </c>
      <c r="AJ22" s="457">
        <v>0</v>
      </c>
      <c r="AK22" s="336">
        <v>6070</v>
      </c>
      <c r="AL22" s="325">
        <v>98271395</v>
      </c>
      <c r="AM22" s="456">
        <v>78312931</v>
      </c>
      <c r="AN22" s="456">
        <v>7958152</v>
      </c>
      <c r="AO22" s="457">
        <v>12000312</v>
      </c>
      <c r="AP22" s="456">
        <v>68</v>
      </c>
      <c r="AQ22" s="459">
        <v>6192113</v>
      </c>
    </row>
    <row r="23" spans="1:43" s="506" customFormat="1" ht="12.75" customHeight="1" x14ac:dyDescent="0.15">
      <c r="A23" s="332">
        <v>17</v>
      </c>
      <c r="B23" s="697" t="s">
        <v>443</v>
      </c>
      <c r="C23" s="456">
        <v>76</v>
      </c>
      <c r="D23" s="456">
        <v>327</v>
      </c>
      <c r="E23" s="456">
        <v>21795570</v>
      </c>
      <c r="F23" s="456">
        <v>3591</v>
      </c>
      <c r="G23" s="456">
        <v>4724</v>
      </c>
      <c r="H23" s="456">
        <v>33672350</v>
      </c>
      <c r="I23" s="456">
        <v>773</v>
      </c>
      <c r="J23" s="456">
        <v>1144</v>
      </c>
      <c r="K23" s="456">
        <v>9545310</v>
      </c>
      <c r="L23" s="456">
        <v>4440</v>
      </c>
      <c r="M23" s="456">
        <v>6195</v>
      </c>
      <c r="N23" s="459">
        <v>65013230</v>
      </c>
      <c r="O23" s="364">
        <v>17</v>
      </c>
      <c r="P23" s="697" t="s">
        <v>442</v>
      </c>
      <c r="Q23" s="456">
        <v>2708</v>
      </c>
      <c r="R23" s="456">
        <v>3371</v>
      </c>
      <c r="S23" s="456">
        <v>12757020</v>
      </c>
      <c r="T23" s="456">
        <v>38</v>
      </c>
      <c r="U23" s="456">
        <v>432</v>
      </c>
      <c r="V23" s="456">
        <v>269384</v>
      </c>
      <c r="W23" s="456">
        <v>24</v>
      </c>
      <c r="X23" s="456">
        <v>83</v>
      </c>
      <c r="Y23" s="456">
        <v>1140110</v>
      </c>
      <c r="Z23" s="456">
        <v>7172</v>
      </c>
      <c r="AA23" s="459">
        <v>79179744</v>
      </c>
      <c r="AB23" s="364">
        <v>17</v>
      </c>
      <c r="AC23" s="697" t="s">
        <v>442</v>
      </c>
      <c r="AD23" s="456">
        <v>0</v>
      </c>
      <c r="AE23" s="456">
        <v>26</v>
      </c>
      <c r="AF23" s="456">
        <v>715964</v>
      </c>
      <c r="AG23" s="456">
        <v>0</v>
      </c>
      <c r="AH23" s="456">
        <v>0</v>
      </c>
      <c r="AI23" s="456">
        <v>0</v>
      </c>
      <c r="AJ23" s="457">
        <v>0</v>
      </c>
      <c r="AK23" s="336">
        <v>7198</v>
      </c>
      <c r="AL23" s="325">
        <v>79895708</v>
      </c>
      <c r="AM23" s="456">
        <v>63768714</v>
      </c>
      <c r="AN23" s="456">
        <v>2767530</v>
      </c>
      <c r="AO23" s="457">
        <v>13359464</v>
      </c>
      <c r="AP23" s="456">
        <v>58</v>
      </c>
      <c r="AQ23" s="459">
        <v>4093850</v>
      </c>
    </row>
    <row r="24" spans="1:43" s="506" customFormat="1" ht="12.75" customHeight="1" x14ac:dyDescent="0.15">
      <c r="A24" s="332">
        <v>18</v>
      </c>
      <c r="B24" s="703" t="s">
        <v>441</v>
      </c>
      <c r="C24" s="315">
        <v>10</v>
      </c>
      <c r="D24" s="315">
        <v>77</v>
      </c>
      <c r="E24" s="315">
        <v>5805750</v>
      </c>
      <c r="F24" s="315">
        <v>859</v>
      </c>
      <c r="G24" s="315">
        <v>1114</v>
      </c>
      <c r="H24" s="315">
        <v>8429230</v>
      </c>
      <c r="I24" s="315">
        <v>184</v>
      </c>
      <c r="J24" s="315">
        <v>282</v>
      </c>
      <c r="K24" s="315">
        <v>1908350</v>
      </c>
      <c r="L24" s="315">
        <v>1053</v>
      </c>
      <c r="M24" s="315">
        <v>1473</v>
      </c>
      <c r="N24" s="473">
        <v>16143330</v>
      </c>
      <c r="O24" s="364">
        <v>18</v>
      </c>
      <c r="P24" s="703" t="s">
        <v>441</v>
      </c>
      <c r="Q24" s="315">
        <v>683</v>
      </c>
      <c r="R24" s="315">
        <v>865</v>
      </c>
      <c r="S24" s="315">
        <v>4688680</v>
      </c>
      <c r="T24" s="315">
        <v>9</v>
      </c>
      <c r="U24" s="315">
        <v>158</v>
      </c>
      <c r="V24" s="315">
        <v>101120</v>
      </c>
      <c r="W24" s="315">
        <v>4</v>
      </c>
      <c r="X24" s="315">
        <v>7</v>
      </c>
      <c r="Y24" s="315">
        <v>107370</v>
      </c>
      <c r="Z24" s="315">
        <v>1740</v>
      </c>
      <c r="AA24" s="473">
        <v>21040500</v>
      </c>
      <c r="AB24" s="364">
        <v>18</v>
      </c>
      <c r="AC24" s="703" t="s">
        <v>441</v>
      </c>
      <c r="AD24" s="315">
        <v>0</v>
      </c>
      <c r="AE24" s="315">
        <v>4</v>
      </c>
      <c r="AF24" s="315">
        <v>34080</v>
      </c>
      <c r="AG24" s="315">
        <v>0</v>
      </c>
      <c r="AH24" s="315">
        <v>0</v>
      </c>
      <c r="AI24" s="315">
        <v>0</v>
      </c>
      <c r="AJ24" s="471">
        <v>0</v>
      </c>
      <c r="AK24" s="318">
        <v>1744</v>
      </c>
      <c r="AL24" s="320">
        <v>21074580</v>
      </c>
      <c r="AM24" s="315">
        <v>16807208</v>
      </c>
      <c r="AN24" s="315">
        <v>1048366</v>
      </c>
      <c r="AO24" s="471">
        <v>3219006</v>
      </c>
      <c r="AP24" s="315">
        <v>16</v>
      </c>
      <c r="AQ24" s="473">
        <v>286310</v>
      </c>
    </row>
    <row r="25" spans="1:43" s="506" customFormat="1" ht="12.75" customHeight="1" x14ac:dyDescent="0.15">
      <c r="A25" s="364">
        <v>19</v>
      </c>
      <c r="B25" s="702" t="s">
        <v>440</v>
      </c>
      <c r="C25" s="451">
        <v>8</v>
      </c>
      <c r="D25" s="451">
        <v>42</v>
      </c>
      <c r="E25" s="451">
        <v>3313680</v>
      </c>
      <c r="F25" s="451">
        <v>1034</v>
      </c>
      <c r="G25" s="451">
        <v>1340</v>
      </c>
      <c r="H25" s="451">
        <v>6075730</v>
      </c>
      <c r="I25" s="451">
        <v>338</v>
      </c>
      <c r="J25" s="451">
        <v>420</v>
      </c>
      <c r="K25" s="451">
        <v>3578730</v>
      </c>
      <c r="L25" s="451">
        <v>1380</v>
      </c>
      <c r="M25" s="451">
        <v>1802</v>
      </c>
      <c r="N25" s="450">
        <v>12968140</v>
      </c>
      <c r="O25" s="364">
        <v>19</v>
      </c>
      <c r="P25" s="702" t="s">
        <v>439</v>
      </c>
      <c r="Q25" s="451">
        <v>774</v>
      </c>
      <c r="R25" s="451">
        <v>894</v>
      </c>
      <c r="S25" s="451">
        <v>3286260</v>
      </c>
      <c r="T25" s="451">
        <v>8</v>
      </c>
      <c r="U25" s="451">
        <v>81</v>
      </c>
      <c r="V25" s="451">
        <v>51170</v>
      </c>
      <c r="W25" s="451">
        <v>0</v>
      </c>
      <c r="X25" s="451">
        <v>0</v>
      </c>
      <c r="Y25" s="451">
        <v>0</v>
      </c>
      <c r="Z25" s="451">
        <v>2154</v>
      </c>
      <c r="AA25" s="450">
        <v>16305570</v>
      </c>
      <c r="AB25" s="364">
        <v>19</v>
      </c>
      <c r="AC25" s="702" t="s">
        <v>439</v>
      </c>
      <c r="AD25" s="451">
        <v>0</v>
      </c>
      <c r="AE25" s="451">
        <v>39</v>
      </c>
      <c r="AF25" s="451">
        <v>222315</v>
      </c>
      <c r="AG25" s="451">
        <v>0</v>
      </c>
      <c r="AH25" s="451">
        <v>0</v>
      </c>
      <c r="AI25" s="451">
        <v>0</v>
      </c>
      <c r="AJ25" s="451">
        <v>0</v>
      </c>
      <c r="AK25" s="338">
        <v>2193</v>
      </c>
      <c r="AL25" s="338">
        <v>16527885</v>
      </c>
      <c r="AM25" s="451">
        <v>13195282</v>
      </c>
      <c r="AN25" s="451">
        <v>119674</v>
      </c>
      <c r="AO25" s="451">
        <v>3212929</v>
      </c>
      <c r="AP25" s="451">
        <v>7</v>
      </c>
      <c r="AQ25" s="450">
        <v>-27578</v>
      </c>
    </row>
    <row r="26" spans="1:43" s="506" customFormat="1" ht="12.75" customHeight="1" x14ac:dyDescent="0.15">
      <c r="A26" s="364">
        <v>20</v>
      </c>
      <c r="B26" s="702" t="s">
        <v>438</v>
      </c>
      <c r="C26" s="451">
        <v>46</v>
      </c>
      <c r="D26" s="451">
        <v>608</v>
      </c>
      <c r="E26" s="451">
        <v>45061940</v>
      </c>
      <c r="F26" s="451">
        <v>1683</v>
      </c>
      <c r="G26" s="451">
        <v>2337</v>
      </c>
      <c r="H26" s="451">
        <v>14695160</v>
      </c>
      <c r="I26" s="451">
        <v>343</v>
      </c>
      <c r="J26" s="451">
        <v>441</v>
      </c>
      <c r="K26" s="451">
        <v>3638020</v>
      </c>
      <c r="L26" s="451">
        <v>2072</v>
      </c>
      <c r="M26" s="451">
        <v>3386</v>
      </c>
      <c r="N26" s="450">
        <v>63395120</v>
      </c>
      <c r="O26" s="364">
        <v>20</v>
      </c>
      <c r="P26" s="702" t="s">
        <v>438</v>
      </c>
      <c r="Q26" s="451">
        <v>1200</v>
      </c>
      <c r="R26" s="451">
        <v>1485</v>
      </c>
      <c r="S26" s="451">
        <v>5810490</v>
      </c>
      <c r="T26" s="451">
        <v>35</v>
      </c>
      <c r="U26" s="451">
        <v>947</v>
      </c>
      <c r="V26" s="451">
        <v>621594</v>
      </c>
      <c r="W26" s="451">
        <v>15</v>
      </c>
      <c r="X26" s="451">
        <v>47</v>
      </c>
      <c r="Y26" s="451">
        <v>540850</v>
      </c>
      <c r="Z26" s="451">
        <v>3287</v>
      </c>
      <c r="AA26" s="450">
        <v>70368054</v>
      </c>
      <c r="AB26" s="364">
        <v>20</v>
      </c>
      <c r="AC26" s="702" t="s">
        <v>438</v>
      </c>
      <c r="AD26" s="451">
        <v>1</v>
      </c>
      <c r="AE26" s="451">
        <v>14</v>
      </c>
      <c r="AF26" s="451">
        <v>304654</v>
      </c>
      <c r="AG26" s="451">
        <v>0</v>
      </c>
      <c r="AH26" s="451">
        <v>0</v>
      </c>
      <c r="AI26" s="451">
        <v>0</v>
      </c>
      <c r="AJ26" s="451">
        <v>0</v>
      </c>
      <c r="AK26" s="338">
        <v>3302</v>
      </c>
      <c r="AL26" s="338">
        <v>70672708</v>
      </c>
      <c r="AM26" s="451">
        <v>56238113</v>
      </c>
      <c r="AN26" s="451">
        <v>7213021</v>
      </c>
      <c r="AO26" s="451">
        <v>7221574</v>
      </c>
      <c r="AP26" s="451">
        <v>41</v>
      </c>
      <c r="AQ26" s="450">
        <v>7069458</v>
      </c>
    </row>
    <row r="27" spans="1:43" s="506" customFormat="1" ht="12.75" customHeight="1" x14ac:dyDescent="0.15">
      <c r="A27" s="364">
        <v>21</v>
      </c>
      <c r="B27" s="702" t="s">
        <v>437</v>
      </c>
      <c r="C27" s="451">
        <v>72</v>
      </c>
      <c r="D27" s="451">
        <v>467</v>
      </c>
      <c r="E27" s="451">
        <v>39210930</v>
      </c>
      <c r="F27" s="451">
        <v>3469</v>
      </c>
      <c r="G27" s="451">
        <v>4811</v>
      </c>
      <c r="H27" s="451">
        <v>40341770</v>
      </c>
      <c r="I27" s="451">
        <v>689</v>
      </c>
      <c r="J27" s="451">
        <v>1026</v>
      </c>
      <c r="K27" s="451">
        <v>8572820</v>
      </c>
      <c r="L27" s="451">
        <v>4230</v>
      </c>
      <c r="M27" s="451">
        <v>6304</v>
      </c>
      <c r="N27" s="450">
        <v>88125520</v>
      </c>
      <c r="O27" s="364">
        <v>21</v>
      </c>
      <c r="P27" s="702" t="s">
        <v>437</v>
      </c>
      <c r="Q27" s="451">
        <v>2588</v>
      </c>
      <c r="R27" s="451">
        <v>3375</v>
      </c>
      <c r="S27" s="451">
        <v>12899990</v>
      </c>
      <c r="T27" s="451">
        <v>34</v>
      </c>
      <c r="U27" s="451">
        <v>639</v>
      </c>
      <c r="V27" s="451">
        <v>423964</v>
      </c>
      <c r="W27" s="451">
        <v>45</v>
      </c>
      <c r="X27" s="451">
        <v>281</v>
      </c>
      <c r="Y27" s="451">
        <v>3473850</v>
      </c>
      <c r="Z27" s="451">
        <v>6863</v>
      </c>
      <c r="AA27" s="450">
        <v>104923324</v>
      </c>
      <c r="AB27" s="364">
        <v>21</v>
      </c>
      <c r="AC27" s="702" t="s">
        <v>437</v>
      </c>
      <c r="AD27" s="451">
        <v>0</v>
      </c>
      <c r="AE27" s="451">
        <v>40</v>
      </c>
      <c r="AF27" s="451">
        <v>338961</v>
      </c>
      <c r="AG27" s="451">
        <v>3</v>
      </c>
      <c r="AH27" s="451">
        <v>54254</v>
      </c>
      <c r="AI27" s="451">
        <v>0</v>
      </c>
      <c r="AJ27" s="451">
        <v>0</v>
      </c>
      <c r="AK27" s="338">
        <v>6903</v>
      </c>
      <c r="AL27" s="338">
        <v>105262285</v>
      </c>
      <c r="AM27" s="451">
        <v>84000679</v>
      </c>
      <c r="AN27" s="451">
        <v>6289136</v>
      </c>
      <c r="AO27" s="451">
        <v>14972470</v>
      </c>
      <c r="AP27" s="451">
        <v>97</v>
      </c>
      <c r="AQ27" s="450">
        <v>5924376</v>
      </c>
    </row>
    <row r="28" spans="1:43" s="506" customFormat="1" ht="12.75" customHeight="1" x14ac:dyDescent="0.15">
      <c r="A28" s="364">
        <v>22</v>
      </c>
      <c r="B28" s="702" t="s">
        <v>436</v>
      </c>
      <c r="C28" s="451">
        <v>11</v>
      </c>
      <c r="D28" s="451">
        <v>77</v>
      </c>
      <c r="E28" s="451">
        <v>7330100</v>
      </c>
      <c r="F28" s="451">
        <v>749</v>
      </c>
      <c r="G28" s="451">
        <v>935</v>
      </c>
      <c r="H28" s="451">
        <v>5502380</v>
      </c>
      <c r="I28" s="451">
        <v>144</v>
      </c>
      <c r="J28" s="451">
        <v>198</v>
      </c>
      <c r="K28" s="451">
        <v>1477880</v>
      </c>
      <c r="L28" s="451">
        <v>904</v>
      </c>
      <c r="M28" s="451">
        <v>1210</v>
      </c>
      <c r="N28" s="450">
        <v>14310360</v>
      </c>
      <c r="O28" s="364">
        <v>22</v>
      </c>
      <c r="P28" s="702" t="s">
        <v>436</v>
      </c>
      <c r="Q28" s="451">
        <v>541</v>
      </c>
      <c r="R28" s="451">
        <v>629</v>
      </c>
      <c r="S28" s="451">
        <v>2618560</v>
      </c>
      <c r="T28" s="451">
        <v>7</v>
      </c>
      <c r="U28" s="451">
        <v>97</v>
      </c>
      <c r="V28" s="451">
        <v>61762</v>
      </c>
      <c r="W28" s="451">
        <v>12</v>
      </c>
      <c r="X28" s="451">
        <v>20</v>
      </c>
      <c r="Y28" s="451">
        <v>331080</v>
      </c>
      <c r="Z28" s="451">
        <v>1457</v>
      </c>
      <c r="AA28" s="450">
        <v>17321762</v>
      </c>
      <c r="AB28" s="364">
        <v>22</v>
      </c>
      <c r="AC28" s="702" t="s">
        <v>436</v>
      </c>
      <c r="AD28" s="451">
        <v>0</v>
      </c>
      <c r="AE28" s="451">
        <v>6</v>
      </c>
      <c r="AF28" s="451">
        <v>130285</v>
      </c>
      <c r="AG28" s="451">
        <v>0</v>
      </c>
      <c r="AH28" s="451">
        <v>0</v>
      </c>
      <c r="AI28" s="451">
        <v>0</v>
      </c>
      <c r="AJ28" s="451">
        <v>0</v>
      </c>
      <c r="AK28" s="338">
        <v>1463</v>
      </c>
      <c r="AL28" s="338">
        <v>17452047</v>
      </c>
      <c r="AM28" s="451">
        <v>13932570</v>
      </c>
      <c r="AN28" s="451">
        <v>1024946</v>
      </c>
      <c r="AO28" s="451">
        <v>2494531</v>
      </c>
      <c r="AP28" s="451">
        <v>8</v>
      </c>
      <c r="AQ28" s="450">
        <v>995889</v>
      </c>
    </row>
    <row r="29" spans="1:43" s="506" customFormat="1" ht="12.75" customHeight="1" x14ac:dyDescent="0.15">
      <c r="A29" s="364">
        <v>23</v>
      </c>
      <c r="B29" s="697" t="s">
        <v>435</v>
      </c>
      <c r="C29" s="456">
        <v>7</v>
      </c>
      <c r="D29" s="456">
        <v>43</v>
      </c>
      <c r="E29" s="456">
        <v>3452880</v>
      </c>
      <c r="F29" s="456">
        <v>649</v>
      </c>
      <c r="G29" s="456">
        <v>856</v>
      </c>
      <c r="H29" s="456">
        <v>5699000</v>
      </c>
      <c r="I29" s="456">
        <v>86</v>
      </c>
      <c r="J29" s="456">
        <v>113</v>
      </c>
      <c r="K29" s="456">
        <v>953480</v>
      </c>
      <c r="L29" s="456">
        <v>742</v>
      </c>
      <c r="M29" s="456">
        <v>1012</v>
      </c>
      <c r="N29" s="459">
        <v>10105360</v>
      </c>
      <c r="O29" s="364">
        <v>23</v>
      </c>
      <c r="P29" s="697" t="s">
        <v>435</v>
      </c>
      <c r="Q29" s="456">
        <v>520</v>
      </c>
      <c r="R29" s="456">
        <v>635</v>
      </c>
      <c r="S29" s="456">
        <v>2399520</v>
      </c>
      <c r="T29" s="456">
        <v>6</v>
      </c>
      <c r="U29" s="456">
        <v>99</v>
      </c>
      <c r="V29" s="456">
        <v>63760</v>
      </c>
      <c r="W29" s="456">
        <v>0</v>
      </c>
      <c r="X29" s="456">
        <v>0</v>
      </c>
      <c r="Y29" s="456">
        <v>0</v>
      </c>
      <c r="Z29" s="456">
        <v>1262</v>
      </c>
      <c r="AA29" s="459">
        <v>12568640</v>
      </c>
      <c r="AB29" s="364">
        <v>23</v>
      </c>
      <c r="AC29" s="697" t="s">
        <v>435</v>
      </c>
      <c r="AD29" s="456">
        <v>0</v>
      </c>
      <c r="AE29" s="456">
        <v>1</v>
      </c>
      <c r="AF29" s="456">
        <v>21780</v>
      </c>
      <c r="AG29" s="456">
        <v>0</v>
      </c>
      <c r="AH29" s="456">
        <v>0</v>
      </c>
      <c r="AI29" s="456">
        <v>0</v>
      </c>
      <c r="AJ29" s="457">
        <v>0</v>
      </c>
      <c r="AK29" s="336">
        <v>1263</v>
      </c>
      <c r="AL29" s="325">
        <v>12590420</v>
      </c>
      <c r="AM29" s="456">
        <v>10039476</v>
      </c>
      <c r="AN29" s="456">
        <v>624714</v>
      </c>
      <c r="AO29" s="457">
        <v>1926230</v>
      </c>
      <c r="AP29" s="456">
        <v>8</v>
      </c>
      <c r="AQ29" s="459">
        <v>570870</v>
      </c>
    </row>
    <row r="30" spans="1:43" s="506" customFormat="1" ht="12.75" customHeight="1" x14ac:dyDescent="0.15">
      <c r="A30" s="364">
        <v>24</v>
      </c>
      <c r="B30" s="697" t="s">
        <v>434</v>
      </c>
      <c r="C30" s="456">
        <v>3</v>
      </c>
      <c r="D30" s="456">
        <v>15</v>
      </c>
      <c r="E30" s="456">
        <v>306270</v>
      </c>
      <c r="F30" s="456">
        <v>262</v>
      </c>
      <c r="G30" s="456">
        <v>367</v>
      </c>
      <c r="H30" s="456">
        <v>2427510</v>
      </c>
      <c r="I30" s="456">
        <v>74</v>
      </c>
      <c r="J30" s="456">
        <v>104</v>
      </c>
      <c r="K30" s="456">
        <v>748310</v>
      </c>
      <c r="L30" s="456">
        <v>339</v>
      </c>
      <c r="M30" s="456">
        <v>486</v>
      </c>
      <c r="N30" s="459">
        <v>3482090</v>
      </c>
      <c r="O30" s="364">
        <v>24</v>
      </c>
      <c r="P30" s="697" t="s">
        <v>434</v>
      </c>
      <c r="Q30" s="456">
        <v>224</v>
      </c>
      <c r="R30" s="456">
        <v>308</v>
      </c>
      <c r="S30" s="456">
        <v>1166620</v>
      </c>
      <c r="T30" s="456">
        <v>1</v>
      </c>
      <c r="U30" s="456">
        <v>24</v>
      </c>
      <c r="V30" s="456">
        <v>15360</v>
      </c>
      <c r="W30" s="456">
        <v>0</v>
      </c>
      <c r="X30" s="456">
        <v>0</v>
      </c>
      <c r="Y30" s="456">
        <v>0</v>
      </c>
      <c r="Z30" s="456">
        <v>563</v>
      </c>
      <c r="AA30" s="459">
        <v>4664070</v>
      </c>
      <c r="AB30" s="364">
        <v>24</v>
      </c>
      <c r="AC30" s="697" t="s">
        <v>434</v>
      </c>
      <c r="AD30" s="456">
        <v>0</v>
      </c>
      <c r="AE30" s="456">
        <v>2</v>
      </c>
      <c r="AF30" s="456">
        <v>8210</v>
      </c>
      <c r="AG30" s="456">
        <v>0</v>
      </c>
      <c r="AH30" s="456">
        <v>0</v>
      </c>
      <c r="AI30" s="456">
        <v>0</v>
      </c>
      <c r="AJ30" s="457">
        <v>0</v>
      </c>
      <c r="AK30" s="336">
        <v>565</v>
      </c>
      <c r="AL30" s="325">
        <v>4672280</v>
      </c>
      <c r="AM30" s="456">
        <v>3729856</v>
      </c>
      <c r="AN30" s="456">
        <v>86308</v>
      </c>
      <c r="AO30" s="457">
        <v>856116</v>
      </c>
      <c r="AP30" s="456">
        <v>-1</v>
      </c>
      <c r="AQ30" s="459">
        <v>-2134</v>
      </c>
    </row>
    <row r="31" spans="1:43" s="506" customFormat="1" ht="12.75" customHeight="1" x14ac:dyDescent="0.15">
      <c r="A31" s="332">
        <v>25</v>
      </c>
      <c r="B31" s="697" t="s">
        <v>433</v>
      </c>
      <c r="C31" s="456">
        <v>2</v>
      </c>
      <c r="D31" s="456">
        <v>6</v>
      </c>
      <c r="E31" s="456">
        <v>252860</v>
      </c>
      <c r="F31" s="456">
        <v>574</v>
      </c>
      <c r="G31" s="456">
        <v>780</v>
      </c>
      <c r="H31" s="456">
        <v>5620980</v>
      </c>
      <c r="I31" s="456">
        <v>140</v>
      </c>
      <c r="J31" s="456">
        <v>197</v>
      </c>
      <c r="K31" s="456">
        <v>1576710</v>
      </c>
      <c r="L31" s="456">
        <v>716</v>
      </c>
      <c r="M31" s="456">
        <v>983</v>
      </c>
      <c r="N31" s="459">
        <v>7450550</v>
      </c>
      <c r="O31" s="364">
        <v>25</v>
      </c>
      <c r="P31" s="697" t="s">
        <v>432</v>
      </c>
      <c r="Q31" s="456">
        <v>416</v>
      </c>
      <c r="R31" s="456">
        <v>554</v>
      </c>
      <c r="S31" s="456">
        <v>1919060</v>
      </c>
      <c r="T31" s="456">
        <v>2</v>
      </c>
      <c r="U31" s="456">
        <v>12</v>
      </c>
      <c r="V31" s="456">
        <v>7680</v>
      </c>
      <c r="W31" s="456">
        <v>0</v>
      </c>
      <c r="X31" s="456">
        <v>0</v>
      </c>
      <c r="Y31" s="456">
        <v>0</v>
      </c>
      <c r="Z31" s="456">
        <v>1132</v>
      </c>
      <c r="AA31" s="459">
        <v>9377290</v>
      </c>
      <c r="AB31" s="364">
        <v>25</v>
      </c>
      <c r="AC31" s="697" t="s">
        <v>432</v>
      </c>
      <c r="AD31" s="456">
        <v>0</v>
      </c>
      <c r="AE31" s="456">
        <v>13</v>
      </c>
      <c r="AF31" s="456">
        <v>105640</v>
      </c>
      <c r="AG31" s="456">
        <v>0</v>
      </c>
      <c r="AH31" s="456">
        <v>0</v>
      </c>
      <c r="AI31" s="456">
        <v>0</v>
      </c>
      <c r="AJ31" s="457">
        <v>0</v>
      </c>
      <c r="AK31" s="336">
        <v>1145</v>
      </c>
      <c r="AL31" s="325">
        <v>9482930</v>
      </c>
      <c r="AM31" s="456">
        <v>7582360</v>
      </c>
      <c r="AN31" s="456">
        <v>13878</v>
      </c>
      <c r="AO31" s="457">
        <v>1886692</v>
      </c>
      <c r="AP31" s="456">
        <v>0</v>
      </c>
      <c r="AQ31" s="459">
        <v>0</v>
      </c>
    </row>
    <row r="32" spans="1:43" s="506" customFormat="1" ht="12.75" customHeight="1" x14ac:dyDescent="0.15">
      <c r="A32" s="332">
        <v>26</v>
      </c>
      <c r="B32" s="697" t="s">
        <v>430</v>
      </c>
      <c r="C32" s="456">
        <v>13</v>
      </c>
      <c r="D32" s="456">
        <v>71</v>
      </c>
      <c r="E32" s="456">
        <v>3550890</v>
      </c>
      <c r="F32" s="456">
        <v>268</v>
      </c>
      <c r="G32" s="456">
        <v>373</v>
      </c>
      <c r="H32" s="456">
        <v>3396230</v>
      </c>
      <c r="I32" s="456">
        <v>44</v>
      </c>
      <c r="J32" s="456">
        <v>63</v>
      </c>
      <c r="K32" s="456">
        <v>520450</v>
      </c>
      <c r="L32" s="456">
        <v>325</v>
      </c>
      <c r="M32" s="456">
        <v>507</v>
      </c>
      <c r="N32" s="459">
        <v>7467570</v>
      </c>
      <c r="O32" s="332">
        <v>26</v>
      </c>
      <c r="P32" s="697" t="s">
        <v>430</v>
      </c>
      <c r="Q32" s="456">
        <v>224</v>
      </c>
      <c r="R32" s="456">
        <v>310</v>
      </c>
      <c r="S32" s="456">
        <v>1039700</v>
      </c>
      <c r="T32" s="456">
        <v>13</v>
      </c>
      <c r="U32" s="456">
        <v>154</v>
      </c>
      <c r="V32" s="456">
        <v>96148</v>
      </c>
      <c r="W32" s="456">
        <v>0</v>
      </c>
      <c r="X32" s="456">
        <v>0</v>
      </c>
      <c r="Y32" s="456">
        <v>0</v>
      </c>
      <c r="Z32" s="456">
        <v>549</v>
      </c>
      <c r="AA32" s="459">
        <v>8603418</v>
      </c>
      <c r="AB32" s="332">
        <v>26</v>
      </c>
      <c r="AC32" s="697" t="s">
        <v>431</v>
      </c>
      <c r="AD32" s="456">
        <v>0</v>
      </c>
      <c r="AE32" s="456">
        <v>7</v>
      </c>
      <c r="AF32" s="456">
        <v>107468</v>
      </c>
      <c r="AG32" s="456">
        <v>0</v>
      </c>
      <c r="AH32" s="456">
        <v>0</v>
      </c>
      <c r="AI32" s="456">
        <v>0</v>
      </c>
      <c r="AJ32" s="457">
        <v>0</v>
      </c>
      <c r="AK32" s="336">
        <v>556</v>
      </c>
      <c r="AL32" s="325">
        <v>8710886</v>
      </c>
      <c r="AM32" s="456">
        <v>6936598</v>
      </c>
      <c r="AN32" s="456">
        <v>544463</v>
      </c>
      <c r="AO32" s="457">
        <v>1229825</v>
      </c>
      <c r="AP32" s="456">
        <v>16</v>
      </c>
      <c r="AQ32" s="459">
        <v>434107</v>
      </c>
    </row>
    <row r="33" spans="1:43" s="506" customFormat="1" ht="12.75" customHeight="1" x14ac:dyDescent="0.15">
      <c r="A33" s="332">
        <v>27</v>
      </c>
      <c r="B33" s="697" t="s">
        <v>429</v>
      </c>
      <c r="C33" s="456">
        <v>4</v>
      </c>
      <c r="D33" s="456">
        <v>16</v>
      </c>
      <c r="E33" s="456">
        <v>601510</v>
      </c>
      <c r="F33" s="456">
        <v>148</v>
      </c>
      <c r="G33" s="456">
        <v>195</v>
      </c>
      <c r="H33" s="456">
        <v>1389740</v>
      </c>
      <c r="I33" s="456">
        <v>60</v>
      </c>
      <c r="J33" s="456">
        <v>81</v>
      </c>
      <c r="K33" s="456">
        <v>705840</v>
      </c>
      <c r="L33" s="456">
        <v>212</v>
      </c>
      <c r="M33" s="456">
        <v>292</v>
      </c>
      <c r="N33" s="459">
        <v>2697090</v>
      </c>
      <c r="O33" s="332">
        <v>27</v>
      </c>
      <c r="P33" s="697" t="s">
        <v>429</v>
      </c>
      <c r="Q33" s="456">
        <v>114</v>
      </c>
      <c r="R33" s="456">
        <v>145</v>
      </c>
      <c r="S33" s="456">
        <v>548670</v>
      </c>
      <c r="T33" s="456">
        <v>4</v>
      </c>
      <c r="U33" s="456">
        <v>38</v>
      </c>
      <c r="V33" s="456">
        <v>22980</v>
      </c>
      <c r="W33" s="456">
        <v>0</v>
      </c>
      <c r="X33" s="456">
        <v>0</v>
      </c>
      <c r="Y33" s="456">
        <v>0</v>
      </c>
      <c r="Z33" s="456">
        <v>326</v>
      </c>
      <c r="AA33" s="459">
        <v>3268740</v>
      </c>
      <c r="AB33" s="332">
        <v>27</v>
      </c>
      <c r="AC33" s="697" t="s">
        <v>429</v>
      </c>
      <c r="AD33" s="456">
        <v>0</v>
      </c>
      <c r="AE33" s="456">
        <v>1</v>
      </c>
      <c r="AF33" s="456">
        <v>6790</v>
      </c>
      <c r="AG33" s="456">
        <v>0</v>
      </c>
      <c r="AH33" s="456">
        <v>0</v>
      </c>
      <c r="AI33" s="456">
        <v>0</v>
      </c>
      <c r="AJ33" s="457">
        <v>0</v>
      </c>
      <c r="AK33" s="336">
        <v>327</v>
      </c>
      <c r="AL33" s="325">
        <v>3275530</v>
      </c>
      <c r="AM33" s="456">
        <v>2607540</v>
      </c>
      <c r="AN33" s="456">
        <v>133722</v>
      </c>
      <c r="AO33" s="457">
        <v>534268</v>
      </c>
      <c r="AP33" s="456">
        <v>4</v>
      </c>
      <c r="AQ33" s="459">
        <v>125895</v>
      </c>
    </row>
    <row r="34" spans="1:43" s="506" customFormat="1" ht="12.75" customHeight="1" x14ac:dyDescent="0.15">
      <c r="A34" s="332">
        <v>28</v>
      </c>
      <c r="B34" s="697" t="s">
        <v>428</v>
      </c>
      <c r="C34" s="456">
        <v>15</v>
      </c>
      <c r="D34" s="456">
        <v>101</v>
      </c>
      <c r="E34" s="456">
        <v>5850850</v>
      </c>
      <c r="F34" s="456">
        <v>551</v>
      </c>
      <c r="G34" s="456">
        <v>705</v>
      </c>
      <c r="H34" s="456">
        <v>6422020</v>
      </c>
      <c r="I34" s="456">
        <v>78</v>
      </c>
      <c r="J34" s="456">
        <v>107</v>
      </c>
      <c r="K34" s="456">
        <v>1048040</v>
      </c>
      <c r="L34" s="456">
        <v>644</v>
      </c>
      <c r="M34" s="456">
        <v>913</v>
      </c>
      <c r="N34" s="459">
        <v>13320910</v>
      </c>
      <c r="O34" s="332">
        <v>28</v>
      </c>
      <c r="P34" s="697" t="s">
        <v>427</v>
      </c>
      <c r="Q34" s="456">
        <v>405</v>
      </c>
      <c r="R34" s="456">
        <v>495</v>
      </c>
      <c r="S34" s="456">
        <v>2048580</v>
      </c>
      <c r="T34" s="456">
        <v>13</v>
      </c>
      <c r="U34" s="456">
        <v>220</v>
      </c>
      <c r="V34" s="456">
        <v>140800</v>
      </c>
      <c r="W34" s="456">
        <v>3</v>
      </c>
      <c r="X34" s="456">
        <v>18</v>
      </c>
      <c r="Y34" s="456">
        <v>225920</v>
      </c>
      <c r="Z34" s="456">
        <v>1052</v>
      </c>
      <c r="AA34" s="459">
        <v>15736210</v>
      </c>
      <c r="AB34" s="332">
        <v>28</v>
      </c>
      <c r="AC34" s="697" t="s">
        <v>427</v>
      </c>
      <c r="AD34" s="456">
        <v>0</v>
      </c>
      <c r="AE34" s="456">
        <v>3</v>
      </c>
      <c r="AF34" s="456">
        <v>13270</v>
      </c>
      <c r="AG34" s="456">
        <v>0</v>
      </c>
      <c r="AH34" s="456">
        <v>0</v>
      </c>
      <c r="AI34" s="456">
        <v>0</v>
      </c>
      <c r="AJ34" s="457">
        <v>0</v>
      </c>
      <c r="AK34" s="336">
        <v>1055</v>
      </c>
      <c r="AL34" s="325">
        <v>15749480</v>
      </c>
      <c r="AM34" s="456">
        <v>12526544</v>
      </c>
      <c r="AN34" s="456">
        <v>569101</v>
      </c>
      <c r="AO34" s="457">
        <v>2653835</v>
      </c>
      <c r="AP34" s="456">
        <v>6</v>
      </c>
      <c r="AQ34" s="459">
        <v>362481</v>
      </c>
    </row>
    <row r="35" spans="1:43" s="506" customFormat="1" ht="12.75" customHeight="1" x14ac:dyDescent="0.15">
      <c r="A35" s="332">
        <v>29</v>
      </c>
      <c r="B35" s="697" t="s">
        <v>426</v>
      </c>
      <c r="C35" s="456">
        <v>3</v>
      </c>
      <c r="D35" s="456">
        <v>9</v>
      </c>
      <c r="E35" s="456">
        <v>777250</v>
      </c>
      <c r="F35" s="456">
        <v>245</v>
      </c>
      <c r="G35" s="456">
        <v>318</v>
      </c>
      <c r="H35" s="456">
        <v>3207050</v>
      </c>
      <c r="I35" s="456">
        <v>39</v>
      </c>
      <c r="J35" s="456">
        <v>61</v>
      </c>
      <c r="K35" s="456">
        <v>491410</v>
      </c>
      <c r="L35" s="456">
        <v>287</v>
      </c>
      <c r="M35" s="456">
        <v>388</v>
      </c>
      <c r="N35" s="459">
        <v>4475710</v>
      </c>
      <c r="O35" s="332">
        <v>29</v>
      </c>
      <c r="P35" s="697" t="s">
        <v>426</v>
      </c>
      <c r="Q35" s="456">
        <v>117</v>
      </c>
      <c r="R35" s="456">
        <v>149</v>
      </c>
      <c r="S35" s="456">
        <v>628720</v>
      </c>
      <c r="T35" s="456">
        <v>2</v>
      </c>
      <c r="U35" s="456">
        <v>18</v>
      </c>
      <c r="V35" s="456">
        <v>11520</v>
      </c>
      <c r="W35" s="456">
        <v>0</v>
      </c>
      <c r="X35" s="456">
        <v>0</v>
      </c>
      <c r="Y35" s="456">
        <v>0</v>
      </c>
      <c r="Z35" s="456">
        <v>404</v>
      </c>
      <c r="AA35" s="459">
        <v>5115950</v>
      </c>
      <c r="AB35" s="332">
        <v>29</v>
      </c>
      <c r="AC35" s="697" t="s">
        <v>426</v>
      </c>
      <c r="AD35" s="456">
        <v>0</v>
      </c>
      <c r="AE35" s="456">
        <v>0</v>
      </c>
      <c r="AF35" s="456">
        <v>0</v>
      </c>
      <c r="AG35" s="456">
        <v>0</v>
      </c>
      <c r="AH35" s="456">
        <v>0</v>
      </c>
      <c r="AI35" s="456">
        <v>0</v>
      </c>
      <c r="AJ35" s="457">
        <v>0</v>
      </c>
      <c r="AK35" s="336">
        <v>404</v>
      </c>
      <c r="AL35" s="325">
        <v>5115950</v>
      </c>
      <c r="AM35" s="456">
        <v>4086780</v>
      </c>
      <c r="AN35" s="456">
        <v>296976</v>
      </c>
      <c r="AO35" s="457">
        <v>732194</v>
      </c>
      <c r="AP35" s="456">
        <v>4</v>
      </c>
      <c r="AQ35" s="459">
        <v>166790</v>
      </c>
    </row>
    <row r="36" spans="1:43" s="506" customFormat="1" ht="12.75" customHeight="1" x14ac:dyDescent="0.15">
      <c r="A36" s="332">
        <v>30</v>
      </c>
      <c r="B36" s="697" t="s">
        <v>425</v>
      </c>
      <c r="C36" s="456">
        <v>4</v>
      </c>
      <c r="D36" s="456">
        <v>24</v>
      </c>
      <c r="E36" s="456">
        <v>1705980</v>
      </c>
      <c r="F36" s="456">
        <v>291</v>
      </c>
      <c r="G36" s="456">
        <v>393</v>
      </c>
      <c r="H36" s="456">
        <v>1985420</v>
      </c>
      <c r="I36" s="456">
        <v>38</v>
      </c>
      <c r="J36" s="456">
        <v>61</v>
      </c>
      <c r="K36" s="456">
        <v>423990</v>
      </c>
      <c r="L36" s="456">
        <v>333</v>
      </c>
      <c r="M36" s="456">
        <v>478</v>
      </c>
      <c r="N36" s="459">
        <v>4115390</v>
      </c>
      <c r="O36" s="332">
        <v>30</v>
      </c>
      <c r="P36" s="697" t="s">
        <v>425</v>
      </c>
      <c r="Q36" s="456">
        <v>172</v>
      </c>
      <c r="R36" s="456">
        <v>215</v>
      </c>
      <c r="S36" s="456">
        <v>1038570</v>
      </c>
      <c r="T36" s="456">
        <v>4</v>
      </c>
      <c r="U36" s="456">
        <v>52</v>
      </c>
      <c r="V36" s="456">
        <v>33730</v>
      </c>
      <c r="W36" s="456">
        <v>0</v>
      </c>
      <c r="X36" s="456">
        <v>0</v>
      </c>
      <c r="Y36" s="456">
        <v>0</v>
      </c>
      <c r="Z36" s="456">
        <v>505</v>
      </c>
      <c r="AA36" s="459">
        <v>5187690</v>
      </c>
      <c r="AB36" s="332">
        <v>30</v>
      </c>
      <c r="AC36" s="697" t="s">
        <v>425</v>
      </c>
      <c r="AD36" s="456">
        <v>0</v>
      </c>
      <c r="AE36" s="456">
        <v>1</v>
      </c>
      <c r="AF36" s="456">
        <v>20000</v>
      </c>
      <c r="AG36" s="456">
        <v>0</v>
      </c>
      <c r="AH36" s="456">
        <v>0</v>
      </c>
      <c r="AI36" s="456">
        <v>0</v>
      </c>
      <c r="AJ36" s="457">
        <v>0</v>
      </c>
      <c r="AK36" s="336">
        <v>506</v>
      </c>
      <c r="AL36" s="325">
        <v>5207690</v>
      </c>
      <c r="AM36" s="456">
        <v>4154478</v>
      </c>
      <c r="AN36" s="456">
        <v>267422</v>
      </c>
      <c r="AO36" s="457">
        <v>785790</v>
      </c>
      <c r="AP36" s="456">
        <v>3</v>
      </c>
      <c r="AQ36" s="459">
        <v>197290</v>
      </c>
    </row>
    <row r="37" spans="1:43" s="506" customFormat="1" ht="12.75" customHeight="1" x14ac:dyDescent="0.15">
      <c r="A37" s="332">
        <v>31</v>
      </c>
      <c r="B37" s="697" t="s">
        <v>424</v>
      </c>
      <c r="C37" s="456">
        <v>5</v>
      </c>
      <c r="D37" s="456">
        <v>21</v>
      </c>
      <c r="E37" s="456">
        <v>2460880</v>
      </c>
      <c r="F37" s="456">
        <v>569</v>
      </c>
      <c r="G37" s="456">
        <v>802</v>
      </c>
      <c r="H37" s="456">
        <v>4354100</v>
      </c>
      <c r="I37" s="456">
        <v>81</v>
      </c>
      <c r="J37" s="456">
        <v>123</v>
      </c>
      <c r="K37" s="456">
        <v>752360</v>
      </c>
      <c r="L37" s="456">
        <v>655</v>
      </c>
      <c r="M37" s="456">
        <v>946</v>
      </c>
      <c r="N37" s="459">
        <v>7567340</v>
      </c>
      <c r="O37" s="332">
        <v>31</v>
      </c>
      <c r="P37" s="697" t="s">
        <v>424</v>
      </c>
      <c r="Q37" s="456">
        <v>284</v>
      </c>
      <c r="R37" s="456">
        <v>378</v>
      </c>
      <c r="S37" s="456">
        <v>1385320</v>
      </c>
      <c r="T37" s="456">
        <v>3</v>
      </c>
      <c r="U37" s="456">
        <v>27</v>
      </c>
      <c r="V37" s="456">
        <v>17280</v>
      </c>
      <c r="W37" s="456">
        <v>0</v>
      </c>
      <c r="X37" s="456">
        <v>0</v>
      </c>
      <c r="Y37" s="456">
        <v>0</v>
      </c>
      <c r="Z37" s="456">
        <v>939</v>
      </c>
      <c r="AA37" s="459">
        <v>8969940</v>
      </c>
      <c r="AB37" s="332">
        <v>31</v>
      </c>
      <c r="AC37" s="697" t="s">
        <v>424</v>
      </c>
      <c r="AD37" s="456">
        <v>0</v>
      </c>
      <c r="AE37" s="456">
        <v>9</v>
      </c>
      <c r="AF37" s="456">
        <v>94351</v>
      </c>
      <c r="AG37" s="456">
        <v>0</v>
      </c>
      <c r="AH37" s="456">
        <v>0</v>
      </c>
      <c r="AI37" s="456">
        <v>0</v>
      </c>
      <c r="AJ37" s="457">
        <v>0</v>
      </c>
      <c r="AK37" s="336">
        <v>948</v>
      </c>
      <c r="AL37" s="325">
        <v>9064291</v>
      </c>
      <c r="AM37" s="456">
        <v>7242468</v>
      </c>
      <c r="AN37" s="456">
        <v>423800</v>
      </c>
      <c r="AO37" s="457">
        <v>1398023</v>
      </c>
      <c r="AP37" s="456">
        <v>4</v>
      </c>
      <c r="AQ37" s="459">
        <v>108804</v>
      </c>
    </row>
    <row r="38" spans="1:43" s="506" customFormat="1" ht="12.75" customHeight="1" x14ac:dyDescent="0.15">
      <c r="A38" s="332">
        <v>32</v>
      </c>
      <c r="B38" s="697" t="s">
        <v>423</v>
      </c>
      <c r="C38" s="456">
        <v>47</v>
      </c>
      <c r="D38" s="456">
        <v>529</v>
      </c>
      <c r="E38" s="456">
        <v>50160070</v>
      </c>
      <c r="F38" s="456">
        <v>1763</v>
      </c>
      <c r="G38" s="456">
        <v>2314</v>
      </c>
      <c r="H38" s="456">
        <v>16907470</v>
      </c>
      <c r="I38" s="456">
        <v>218</v>
      </c>
      <c r="J38" s="456">
        <v>295</v>
      </c>
      <c r="K38" s="456">
        <v>2547030</v>
      </c>
      <c r="L38" s="456">
        <v>2028</v>
      </c>
      <c r="M38" s="456">
        <v>3138</v>
      </c>
      <c r="N38" s="459">
        <v>69614570</v>
      </c>
      <c r="O38" s="332">
        <v>32</v>
      </c>
      <c r="P38" s="697" t="s">
        <v>422</v>
      </c>
      <c r="Q38" s="456">
        <v>1396</v>
      </c>
      <c r="R38" s="456">
        <v>1749</v>
      </c>
      <c r="S38" s="456">
        <v>7152710</v>
      </c>
      <c r="T38" s="456">
        <v>34</v>
      </c>
      <c r="U38" s="456">
        <v>712</v>
      </c>
      <c r="V38" s="456">
        <v>461764</v>
      </c>
      <c r="W38" s="456">
        <v>0</v>
      </c>
      <c r="X38" s="456">
        <v>0</v>
      </c>
      <c r="Y38" s="456">
        <v>0</v>
      </c>
      <c r="Z38" s="456">
        <v>3424</v>
      </c>
      <c r="AA38" s="459">
        <v>77229044</v>
      </c>
      <c r="AB38" s="332">
        <v>32</v>
      </c>
      <c r="AC38" s="697" t="s">
        <v>422</v>
      </c>
      <c r="AD38" s="456">
        <v>0</v>
      </c>
      <c r="AE38" s="456">
        <v>9</v>
      </c>
      <c r="AF38" s="456">
        <v>94892</v>
      </c>
      <c r="AG38" s="456">
        <v>0</v>
      </c>
      <c r="AH38" s="456">
        <v>0</v>
      </c>
      <c r="AI38" s="456">
        <v>0</v>
      </c>
      <c r="AJ38" s="457">
        <v>0</v>
      </c>
      <c r="AK38" s="336">
        <v>3433</v>
      </c>
      <c r="AL38" s="325">
        <v>77323936</v>
      </c>
      <c r="AM38" s="456">
        <v>61701981</v>
      </c>
      <c r="AN38" s="456">
        <v>8292060</v>
      </c>
      <c r="AO38" s="457">
        <v>7329895</v>
      </c>
      <c r="AP38" s="456">
        <v>52</v>
      </c>
      <c r="AQ38" s="459">
        <v>8336252</v>
      </c>
    </row>
    <row r="39" spans="1:43" s="506" customFormat="1" ht="12.75" customHeight="1" thickBot="1" x14ac:dyDescent="0.2">
      <c r="A39" s="332">
        <v>33</v>
      </c>
      <c r="B39" s="697" t="s">
        <v>421</v>
      </c>
      <c r="C39" s="456">
        <v>1</v>
      </c>
      <c r="D39" s="456">
        <v>1</v>
      </c>
      <c r="E39" s="456">
        <v>609160</v>
      </c>
      <c r="F39" s="456">
        <v>35</v>
      </c>
      <c r="G39" s="456">
        <v>45</v>
      </c>
      <c r="H39" s="456">
        <v>288200</v>
      </c>
      <c r="I39" s="456">
        <v>11</v>
      </c>
      <c r="J39" s="456">
        <v>13</v>
      </c>
      <c r="K39" s="456">
        <v>111320</v>
      </c>
      <c r="L39" s="456">
        <v>47</v>
      </c>
      <c r="M39" s="456">
        <v>59</v>
      </c>
      <c r="N39" s="459">
        <v>1008680</v>
      </c>
      <c r="O39" s="332">
        <v>33</v>
      </c>
      <c r="P39" s="697" t="s">
        <v>420</v>
      </c>
      <c r="Q39" s="456">
        <v>20</v>
      </c>
      <c r="R39" s="456">
        <v>26</v>
      </c>
      <c r="S39" s="456">
        <v>83310</v>
      </c>
      <c r="T39" s="456">
        <v>0</v>
      </c>
      <c r="U39" s="456">
        <v>0</v>
      </c>
      <c r="V39" s="456">
        <v>0</v>
      </c>
      <c r="W39" s="456">
        <v>0</v>
      </c>
      <c r="X39" s="456">
        <v>0</v>
      </c>
      <c r="Y39" s="456">
        <v>0</v>
      </c>
      <c r="Z39" s="456">
        <v>67</v>
      </c>
      <c r="AA39" s="459">
        <v>1091990</v>
      </c>
      <c r="AB39" s="332">
        <v>33</v>
      </c>
      <c r="AC39" s="697" t="s">
        <v>420</v>
      </c>
      <c r="AD39" s="456">
        <v>0</v>
      </c>
      <c r="AE39" s="456">
        <v>0</v>
      </c>
      <c r="AF39" s="456">
        <v>0</v>
      </c>
      <c r="AG39" s="456">
        <v>0</v>
      </c>
      <c r="AH39" s="456">
        <v>0</v>
      </c>
      <c r="AI39" s="456">
        <v>0</v>
      </c>
      <c r="AJ39" s="457">
        <v>0</v>
      </c>
      <c r="AK39" s="336">
        <v>67</v>
      </c>
      <c r="AL39" s="325">
        <v>1091990</v>
      </c>
      <c r="AM39" s="456">
        <v>873592</v>
      </c>
      <c r="AN39" s="456">
        <v>49732</v>
      </c>
      <c r="AO39" s="457">
        <v>168666</v>
      </c>
      <c r="AP39" s="456">
        <v>1</v>
      </c>
      <c r="AQ39" s="459">
        <v>38310</v>
      </c>
    </row>
    <row r="40" spans="1:43" s="506" customFormat="1" ht="12.75" customHeight="1" thickTop="1" thickBot="1" x14ac:dyDescent="0.2">
      <c r="A40" s="970" t="s">
        <v>261</v>
      </c>
      <c r="B40" s="971"/>
      <c r="C40" s="693">
        <v>4300</v>
      </c>
      <c r="D40" s="693">
        <v>33553</v>
      </c>
      <c r="E40" s="693">
        <v>2552594270</v>
      </c>
      <c r="F40" s="693">
        <v>245013</v>
      </c>
      <c r="G40" s="693">
        <v>333713</v>
      </c>
      <c r="H40" s="695">
        <v>2279617372</v>
      </c>
      <c r="I40" s="698">
        <v>48682</v>
      </c>
      <c r="J40" s="693">
        <v>67264</v>
      </c>
      <c r="K40" s="695">
        <v>561833080</v>
      </c>
      <c r="L40" s="701">
        <v>297995</v>
      </c>
      <c r="M40" s="701">
        <v>434530</v>
      </c>
      <c r="N40" s="700">
        <v>5394044722</v>
      </c>
      <c r="O40" s="970" t="s">
        <v>261</v>
      </c>
      <c r="P40" s="971"/>
      <c r="Q40" s="693">
        <v>186098</v>
      </c>
      <c r="R40" s="693">
        <v>242833</v>
      </c>
      <c r="S40" s="693">
        <v>929352567</v>
      </c>
      <c r="T40" s="693">
        <v>3154</v>
      </c>
      <c r="U40" s="693">
        <v>63221</v>
      </c>
      <c r="V40" s="695">
        <v>40622191</v>
      </c>
      <c r="W40" s="698">
        <v>855</v>
      </c>
      <c r="X40" s="448">
        <v>5072</v>
      </c>
      <c r="Y40" s="693">
        <v>67026170</v>
      </c>
      <c r="Z40" s="698">
        <v>484948</v>
      </c>
      <c r="AA40" s="699">
        <v>6431045650</v>
      </c>
      <c r="AB40" s="970" t="s">
        <v>261</v>
      </c>
      <c r="AC40" s="971"/>
      <c r="AD40" s="693">
        <v>25</v>
      </c>
      <c r="AE40" s="693">
        <v>2628</v>
      </c>
      <c r="AF40" s="693">
        <v>39210277</v>
      </c>
      <c r="AG40" s="693">
        <v>22</v>
      </c>
      <c r="AH40" s="693">
        <v>989293</v>
      </c>
      <c r="AI40" s="693">
        <v>0</v>
      </c>
      <c r="AJ40" s="692">
        <v>0</v>
      </c>
      <c r="AK40" s="693">
        <v>487601</v>
      </c>
      <c r="AL40" s="698">
        <v>6470255927</v>
      </c>
      <c r="AM40" s="693">
        <v>5157306113</v>
      </c>
      <c r="AN40" s="693">
        <v>412050785</v>
      </c>
      <c r="AO40" s="692">
        <v>900899029</v>
      </c>
      <c r="AP40" s="693">
        <v>3412</v>
      </c>
      <c r="AQ40" s="691">
        <v>348692915</v>
      </c>
    </row>
    <row r="41" spans="1:43" s="506" customFormat="1" ht="12.75" customHeight="1" thickTop="1" x14ac:dyDescent="0.15">
      <c r="A41" s="332">
        <v>301</v>
      </c>
      <c r="B41" s="697" t="s">
        <v>419</v>
      </c>
      <c r="C41" s="456">
        <v>16</v>
      </c>
      <c r="D41" s="456">
        <v>67</v>
      </c>
      <c r="E41" s="456">
        <v>5076450</v>
      </c>
      <c r="F41" s="456">
        <v>1461</v>
      </c>
      <c r="G41" s="456">
        <v>1886</v>
      </c>
      <c r="H41" s="456">
        <v>12323190</v>
      </c>
      <c r="I41" s="456">
        <v>427</v>
      </c>
      <c r="J41" s="456">
        <v>533</v>
      </c>
      <c r="K41" s="456">
        <v>4093440</v>
      </c>
      <c r="L41" s="456">
        <v>1904</v>
      </c>
      <c r="M41" s="456">
        <v>2486</v>
      </c>
      <c r="N41" s="459">
        <v>21493080</v>
      </c>
      <c r="O41" s="332">
        <v>301</v>
      </c>
      <c r="P41" s="697" t="s">
        <v>419</v>
      </c>
      <c r="Q41" s="456">
        <v>987</v>
      </c>
      <c r="R41" s="456">
        <v>1124</v>
      </c>
      <c r="S41" s="456">
        <v>5455130</v>
      </c>
      <c r="T41" s="456">
        <v>11</v>
      </c>
      <c r="U41" s="456">
        <v>107</v>
      </c>
      <c r="V41" s="456">
        <v>68480</v>
      </c>
      <c r="W41" s="456">
        <v>0</v>
      </c>
      <c r="X41" s="456">
        <v>0</v>
      </c>
      <c r="Y41" s="456">
        <v>0</v>
      </c>
      <c r="Z41" s="456">
        <v>2891</v>
      </c>
      <c r="AA41" s="459">
        <v>27016690</v>
      </c>
      <c r="AB41" s="332">
        <v>301</v>
      </c>
      <c r="AC41" s="697" t="s">
        <v>419</v>
      </c>
      <c r="AD41" s="456">
        <v>0</v>
      </c>
      <c r="AE41" s="456">
        <v>5</v>
      </c>
      <c r="AF41" s="456">
        <v>127914</v>
      </c>
      <c r="AG41" s="456">
        <v>0</v>
      </c>
      <c r="AH41" s="456">
        <v>0</v>
      </c>
      <c r="AI41" s="456">
        <v>0</v>
      </c>
      <c r="AJ41" s="457">
        <v>0</v>
      </c>
      <c r="AK41" s="336">
        <v>2896</v>
      </c>
      <c r="AL41" s="325">
        <v>27144604</v>
      </c>
      <c r="AM41" s="456">
        <v>21680158</v>
      </c>
      <c r="AN41" s="456">
        <v>3281300</v>
      </c>
      <c r="AO41" s="457">
        <v>2183146</v>
      </c>
      <c r="AP41" s="456">
        <v>2</v>
      </c>
      <c r="AQ41" s="459">
        <v>102821</v>
      </c>
    </row>
    <row r="42" spans="1:43" s="506" customFormat="1" ht="12.75" customHeight="1" x14ac:dyDescent="0.15">
      <c r="A42" s="332">
        <v>302</v>
      </c>
      <c r="B42" s="697" t="s">
        <v>418</v>
      </c>
      <c r="C42" s="456">
        <v>62</v>
      </c>
      <c r="D42" s="456">
        <v>298</v>
      </c>
      <c r="E42" s="456">
        <v>22128130</v>
      </c>
      <c r="F42" s="456">
        <v>3866</v>
      </c>
      <c r="G42" s="456">
        <v>5341</v>
      </c>
      <c r="H42" s="456">
        <v>32933560</v>
      </c>
      <c r="I42" s="456">
        <v>195</v>
      </c>
      <c r="J42" s="456">
        <v>254</v>
      </c>
      <c r="K42" s="456">
        <v>2060990</v>
      </c>
      <c r="L42" s="456">
        <v>4123</v>
      </c>
      <c r="M42" s="456">
        <v>5893</v>
      </c>
      <c r="N42" s="459">
        <v>57122680</v>
      </c>
      <c r="O42" s="332">
        <v>302</v>
      </c>
      <c r="P42" s="697" t="s">
        <v>418</v>
      </c>
      <c r="Q42" s="456">
        <v>2904</v>
      </c>
      <c r="R42" s="456">
        <v>3665</v>
      </c>
      <c r="S42" s="456">
        <v>14701700</v>
      </c>
      <c r="T42" s="456">
        <v>48</v>
      </c>
      <c r="U42" s="456">
        <v>575</v>
      </c>
      <c r="V42" s="456">
        <v>371250</v>
      </c>
      <c r="W42" s="456">
        <v>0</v>
      </c>
      <c r="X42" s="456">
        <v>0</v>
      </c>
      <c r="Y42" s="456">
        <v>0</v>
      </c>
      <c r="Z42" s="456">
        <v>7027</v>
      </c>
      <c r="AA42" s="459">
        <v>72195630</v>
      </c>
      <c r="AB42" s="332">
        <v>302</v>
      </c>
      <c r="AC42" s="697" t="s">
        <v>418</v>
      </c>
      <c r="AD42" s="456">
        <v>0</v>
      </c>
      <c r="AE42" s="456">
        <v>38</v>
      </c>
      <c r="AF42" s="456">
        <v>442920</v>
      </c>
      <c r="AG42" s="456">
        <v>0</v>
      </c>
      <c r="AH42" s="456">
        <v>0</v>
      </c>
      <c r="AI42" s="456">
        <v>0</v>
      </c>
      <c r="AJ42" s="457">
        <v>0</v>
      </c>
      <c r="AK42" s="336">
        <v>7065</v>
      </c>
      <c r="AL42" s="325">
        <v>72638550</v>
      </c>
      <c r="AM42" s="456">
        <v>57923986</v>
      </c>
      <c r="AN42" s="456">
        <v>7676362</v>
      </c>
      <c r="AO42" s="457">
        <v>7038202</v>
      </c>
      <c r="AP42" s="456">
        <v>11</v>
      </c>
      <c r="AQ42" s="459">
        <v>1098980</v>
      </c>
    </row>
    <row r="43" spans="1:43" s="506" customFormat="1" ht="12.75" customHeight="1" x14ac:dyDescent="0.15">
      <c r="A43" s="332">
        <v>303</v>
      </c>
      <c r="B43" s="697" t="s">
        <v>417</v>
      </c>
      <c r="C43" s="456">
        <v>69</v>
      </c>
      <c r="D43" s="456">
        <v>598</v>
      </c>
      <c r="E43" s="456">
        <v>54450490</v>
      </c>
      <c r="F43" s="456">
        <v>3151</v>
      </c>
      <c r="G43" s="456">
        <v>4371</v>
      </c>
      <c r="H43" s="456">
        <v>33459310</v>
      </c>
      <c r="I43" s="456">
        <v>570</v>
      </c>
      <c r="J43" s="456">
        <v>724</v>
      </c>
      <c r="K43" s="456">
        <v>6130080</v>
      </c>
      <c r="L43" s="456">
        <v>3790</v>
      </c>
      <c r="M43" s="456">
        <v>5693</v>
      </c>
      <c r="N43" s="459">
        <v>94039880</v>
      </c>
      <c r="O43" s="332">
        <v>303</v>
      </c>
      <c r="P43" s="697" t="s">
        <v>417</v>
      </c>
      <c r="Q43" s="456">
        <v>2389</v>
      </c>
      <c r="R43" s="456">
        <v>3040</v>
      </c>
      <c r="S43" s="456">
        <v>12815470</v>
      </c>
      <c r="T43" s="456">
        <v>40</v>
      </c>
      <c r="U43" s="456">
        <v>971</v>
      </c>
      <c r="V43" s="456">
        <v>619141</v>
      </c>
      <c r="W43" s="456">
        <v>50</v>
      </c>
      <c r="X43" s="456">
        <v>244</v>
      </c>
      <c r="Y43" s="456">
        <v>3541590</v>
      </c>
      <c r="Z43" s="456">
        <v>6229</v>
      </c>
      <c r="AA43" s="459">
        <v>111016081</v>
      </c>
      <c r="AB43" s="332">
        <v>303</v>
      </c>
      <c r="AC43" s="697" t="s">
        <v>417</v>
      </c>
      <c r="AD43" s="456">
        <v>0</v>
      </c>
      <c r="AE43" s="456">
        <v>16</v>
      </c>
      <c r="AF43" s="456">
        <v>270182</v>
      </c>
      <c r="AG43" s="456">
        <v>0</v>
      </c>
      <c r="AH43" s="456">
        <v>0</v>
      </c>
      <c r="AI43" s="456">
        <v>0</v>
      </c>
      <c r="AJ43" s="457">
        <v>0</v>
      </c>
      <c r="AK43" s="336">
        <v>6245</v>
      </c>
      <c r="AL43" s="325">
        <v>111286263</v>
      </c>
      <c r="AM43" s="456">
        <v>88835976</v>
      </c>
      <c r="AN43" s="456">
        <v>8763795</v>
      </c>
      <c r="AO43" s="457">
        <v>13686492</v>
      </c>
      <c r="AP43" s="456">
        <v>36</v>
      </c>
      <c r="AQ43" s="459">
        <v>6420599</v>
      </c>
    </row>
    <row r="44" spans="1:43" s="506" customFormat="1" ht="12.75" customHeight="1" x14ac:dyDescent="0.15">
      <c r="A44" s="332">
        <v>304</v>
      </c>
      <c r="B44" s="697" t="s">
        <v>416</v>
      </c>
      <c r="C44" s="456">
        <v>15</v>
      </c>
      <c r="D44" s="456">
        <v>238</v>
      </c>
      <c r="E44" s="456">
        <v>13447870</v>
      </c>
      <c r="F44" s="456">
        <v>1038</v>
      </c>
      <c r="G44" s="456">
        <v>1452</v>
      </c>
      <c r="H44" s="456">
        <v>7891800</v>
      </c>
      <c r="I44" s="456">
        <v>210</v>
      </c>
      <c r="J44" s="456">
        <v>258</v>
      </c>
      <c r="K44" s="456">
        <v>2231280</v>
      </c>
      <c r="L44" s="456">
        <v>1263</v>
      </c>
      <c r="M44" s="456">
        <v>1948</v>
      </c>
      <c r="N44" s="459">
        <v>23570950</v>
      </c>
      <c r="O44" s="332">
        <v>304</v>
      </c>
      <c r="P44" s="697" t="s">
        <v>416</v>
      </c>
      <c r="Q44" s="456">
        <v>826</v>
      </c>
      <c r="R44" s="456">
        <v>1037</v>
      </c>
      <c r="S44" s="456">
        <v>3879820</v>
      </c>
      <c r="T44" s="456">
        <v>14</v>
      </c>
      <c r="U44" s="456">
        <v>685</v>
      </c>
      <c r="V44" s="456">
        <v>438382</v>
      </c>
      <c r="W44" s="456">
        <v>0</v>
      </c>
      <c r="X44" s="456">
        <v>0</v>
      </c>
      <c r="Y44" s="456">
        <v>0</v>
      </c>
      <c r="Z44" s="456">
        <v>2089</v>
      </c>
      <c r="AA44" s="459">
        <v>27889152</v>
      </c>
      <c r="AB44" s="332">
        <v>304</v>
      </c>
      <c r="AC44" s="697" t="s">
        <v>416</v>
      </c>
      <c r="AD44" s="456">
        <v>0</v>
      </c>
      <c r="AE44" s="456">
        <v>14</v>
      </c>
      <c r="AF44" s="456">
        <v>122790</v>
      </c>
      <c r="AG44" s="456">
        <v>0</v>
      </c>
      <c r="AH44" s="456">
        <v>0</v>
      </c>
      <c r="AI44" s="456">
        <v>0</v>
      </c>
      <c r="AJ44" s="457">
        <v>0</v>
      </c>
      <c r="AK44" s="336">
        <v>2103</v>
      </c>
      <c r="AL44" s="325">
        <v>28011942</v>
      </c>
      <c r="AM44" s="456">
        <v>22308930</v>
      </c>
      <c r="AN44" s="456">
        <v>2617853</v>
      </c>
      <c r="AO44" s="457">
        <v>3085159</v>
      </c>
      <c r="AP44" s="456">
        <v>7</v>
      </c>
      <c r="AQ44" s="459">
        <v>1229826</v>
      </c>
    </row>
    <row r="45" spans="1:43" s="506" customFormat="1" ht="12.75" customHeight="1" x14ac:dyDescent="0.15">
      <c r="A45" s="332">
        <v>305</v>
      </c>
      <c r="B45" s="697" t="s">
        <v>332</v>
      </c>
      <c r="C45" s="456">
        <v>33</v>
      </c>
      <c r="D45" s="456">
        <v>204</v>
      </c>
      <c r="E45" s="456">
        <v>11705140</v>
      </c>
      <c r="F45" s="456">
        <v>2876</v>
      </c>
      <c r="G45" s="456">
        <v>3995</v>
      </c>
      <c r="H45" s="456">
        <v>27479630</v>
      </c>
      <c r="I45" s="456">
        <v>537</v>
      </c>
      <c r="J45" s="456">
        <v>723</v>
      </c>
      <c r="K45" s="456">
        <v>5669130</v>
      </c>
      <c r="L45" s="456">
        <v>3446</v>
      </c>
      <c r="M45" s="456">
        <v>4922</v>
      </c>
      <c r="N45" s="459">
        <v>44853900</v>
      </c>
      <c r="O45" s="332">
        <v>305</v>
      </c>
      <c r="P45" s="697" t="s">
        <v>332</v>
      </c>
      <c r="Q45" s="456">
        <v>2232</v>
      </c>
      <c r="R45" s="456">
        <v>2918</v>
      </c>
      <c r="S45" s="456">
        <v>11116300</v>
      </c>
      <c r="T45" s="456">
        <v>28</v>
      </c>
      <c r="U45" s="456">
        <v>488</v>
      </c>
      <c r="V45" s="456">
        <v>312064</v>
      </c>
      <c r="W45" s="456">
        <v>22</v>
      </c>
      <c r="X45" s="456">
        <v>217</v>
      </c>
      <c r="Y45" s="456">
        <v>2465330</v>
      </c>
      <c r="Z45" s="456">
        <v>5700</v>
      </c>
      <c r="AA45" s="459">
        <v>58747594</v>
      </c>
      <c r="AB45" s="332">
        <v>305</v>
      </c>
      <c r="AC45" s="697" t="s">
        <v>332</v>
      </c>
      <c r="AD45" s="456">
        <v>0</v>
      </c>
      <c r="AE45" s="456">
        <v>16</v>
      </c>
      <c r="AF45" s="456">
        <v>324875</v>
      </c>
      <c r="AG45" s="456">
        <v>0</v>
      </c>
      <c r="AH45" s="456">
        <v>0</v>
      </c>
      <c r="AI45" s="456">
        <v>0</v>
      </c>
      <c r="AJ45" s="457">
        <v>0</v>
      </c>
      <c r="AK45" s="336">
        <v>5716</v>
      </c>
      <c r="AL45" s="325">
        <v>59072469</v>
      </c>
      <c r="AM45" s="456">
        <v>47096706</v>
      </c>
      <c r="AN45" s="456">
        <v>2342772</v>
      </c>
      <c r="AO45" s="457">
        <v>9632991</v>
      </c>
      <c r="AP45" s="456">
        <v>36</v>
      </c>
      <c r="AQ45" s="459">
        <v>1450060</v>
      </c>
    </row>
    <row r="46" spans="1:43" s="506" customFormat="1" ht="12.75" customHeight="1" thickBot="1" x14ac:dyDescent="0.2">
      <c r="A46" s="312">
        <v>306</v>
      </c>
      <c r="B46" s="696" t="s">
        <v>415</v>
      </c>
      <c r="C46" s="456">
        <v>681</v>
      </c>
      <c r="D46" s="456">
        <v>4456</v>
      </c>
      <c r="E46" s="456">
        <v>336371730</v>
      </c>
      <c r="F46" s="456">
        <v>42913</v>
      </c>
      <c r="G46" s="456">
        <v>58146</v>
      </c>
      <c r="H46" s="456">
        <v>383993744</v>
      </c>
      <c r="I46" s="456">
        <v>8572</v>
      </c>
      <c r="J46" s="456">
        <v>11743</v>
      </c>
      <c r="K46" s="456">
        <v>98732210</v>
      </c>
      <c r="L46" s="315">
        <v>52166</v>
      </c>
      <c r="M46" s="315">
        <v>74345</v>
      </c>
      <c r="N46" s="473">
        <v>819097684</v>
      </c>
      <c r="O46" s="312">
        <v>306</v>
      </c>
      <c r="P46" s="696" t="s">
        <v>415</v>
      </c>
      <c r="Q46" s="456">
        <v>32549</v>
      </c>
      <c r="R46" s="456">
        <v>40828</v>
      </c>
      <c r="S46" s="456">
        <v>170672510</v>
      </c>
      <c r="T46" s="456">
        <v>509</v>
      </c>
      <c r="U46" s="456">
        <v>8661</v>
      </c>
      <c r="V46" s="456">
        <v>5562351</v>
      </c>
      <c r="W46" s="456">
        <v>137</v>
      </c>
      <c r="X46" s="456">
        <v>592</v>
      </c>
      <c r="Y46" s="456">
        <v>7983980</v>
      </c>
      <c r="Z46" s="456">
        <v>84852</v>
      </c>
      <c r="AA46" s="459">
        <v>1003316525</v>
      </c>
      <c r="AB46" s="312">
        <v>306</v>
      </c>
      <c r="AC46" s="696" t="s">
        <v>415</v>
      </c>
      <c r="AD46" s="456">
        <v>0</v>
      </c>
      <c r="AE46" s="456">
        <v>210</v>
      </c>
      <c r="AF46" s="456">
        <v>4106428</v>
      </c>
      <c r="AG46" s="456">
        <v>0</v>
      </c>
      <c r="AH46" s="456">
        <v>0</v>
      </c>
      <c r="AI46" s="456">
        <v>0</v>
      </c>
      <c r="AJ46" s="457">
        <v>0</v>
      </c>
      <c r="AK46" s="336">
        <v>85062</v>
      </c>
      <c r="AL46" s="325">
        <v>1007422953</v>
      </c>
      <c r="AM46" s="456">
        <v>803142810</v>
      </c>
      <c r="AN46" s="456">
        <v>52940999</v>
      </c>
      <c r="AO46" s="457">
        <v>151339144</v>
      </c>
      <c r="AP46" s="456">
        <v>256</v>
      </c>
      <c r="AQ46" s="459">
        <v>41927340</v>
      </c>
    </row>
    <row r="47" spans="1:43" s="506" customFormat="1" ht="12.75" customHeight="1" thickTop="1" thickBot="1" x14ac:dyDescent="0.2">
      <c r="A47" s="970" t="s">
        <v>414</v>
      </c>
      <c r="B47" s="971"/>
      <c r="C47" s="692">
        <v>876</v>
      </c>
      <c r="D47" s="692">
        <v>5861</v>
      </c>
      <c r="E47" s="692">
        <v>443179810</v>
      </c>
      <c r="F47" s="692">
        <v>55305</v>
      </c>
      <c r="G47" s="692">
        <v>75191</v>
      </c>
      <c r="H47" s="695">
        <v>498081234</v>
      </c>
      <c r="I47" s="694">
        <v>10511</v>
      </c>
      <c r="J47" s="692">
        <v>14235</v>
      </c>
      <c r="K47" s="692">
        <v>118917130</v>
      </c>
      <c r="L47" s="692">
        <v>66692</v>
      </c>
      <c r="M47" s="692">
        <v>95287</v>
      </c>
      <c r="N47" s="691">
        <v>1060178174</v>
      </c>
      <c r="O47" s="970" t="s">
        <v>414</v>
      </c>
      <c r="P47" s="971"/>
      <c r="Q47" s="692">
        <v>41887</v>
      </c>
      <c r="R47" s="692">
        <v>52612</v>
      </c>
      <c r="S47" s="693">
        <v>218640930</v>
      </c>
      <c r="T47" s="692">
        <v>650</v>
      </c>
      <c r="U47" s="692">
        <v>11487</v>
      </c>
      <c r="V47" s="695">
        <v>7371668</v>
      </c>
      <c r="W47" s="694">
        <v>209</v>
      </c>
      <c r="X47" s="692">
        <v>1053</v>
      </c>
      <c r="Y47" s="692">
        <v>13990900</v>
      </c>
      <c r="Z47" s="692">
        <v>108788</v>
      </c>
      <c r="AA47" s="691">
        <v>1300181672</v>
      </c>
      <c r="AB47" s="970" t="s">
        <v>414</v>
      </c>
      <c r="AC47" s="971"/>
      <c r="AD47" s="692">
        <v>0</v>
      </c>
      <c r="AE47" s="692">
        <v>299</v>
      </c>
      <c r="AF47" s="692">
        <v>5395109</v>
      </c>
      <c r="AG47" s="692">
        <v>0</v>
      </c>
      <c r="AH47" s="692">
        <v>0</v>
      </c>
      <c r="AI47" s="692">
        <v>0</v>
      </c>
      <c r="AJ47" s="692">
        <v>0</v>
      </c>
      <c r="AK47" s="692">
        <v>109087</v>
      </c>
      <c r="AL47" s="693">
        <v>1305576781</v>
      </c>
      <c r="AM47" s="692">
        <v>1040988566</v>
      </c>
      <c r="AN47" s="692">
        <v>77623081</v>
      </c>
      <c r="AO47" s="692">
        <v>186965134</v>
      </c>
      <c r="AP47" s="692">
        <v>348</v>
      </c>
      <c r="AQ47" s="691">
        <v>52229626</v>
      </c>
    </row>
    <row r="48" spans="1:43" s="506" customFormat="1" ht="12.75" customHeight="1" thickTop="1" thickBot="1" x14ac:dyDescent="0.2">
      <c r="A48" s="968" t="s">
        <v>412</v>
      </c>
      <c r="B48" s="969"/>
      <c r="C48" s="689">
        <v>5176</v>
      </c>
      <c r="D48" s="689">
        <v>39414</v>
      </c>
      <c r="E48" s="689">
        <v>2995774080</v>
      </c>
      <c r="F48" s="689">
        <v>300318</v>
      </c>
      <c r="G48" s="689">
        <v>408904</v>
      </c>
      <c r="H48" s="690">
        <v>2777698606</v>
      </c>
      <c r="I48" s="688">
        <v>59193</v>
      </c>
      <c r="J48" s="689">
        <v>81499</v>
      </c>
      <c r="K48" s="689">
        <v>680750210</v>
      </c>
      <c r="L48" s="688">
        <v>364687</v>
      </c>
      <c r="M48" s="688">
        <v>529817</v>
      </c>
      <c r="N48" s="687">
        <v>6454222896</v>
      </c>
      <c r="O48" s="968" t="s">
        <v>413</v>
      </c>
      <c r="P48" s="969"/>
      <c r="Q48" s="683">
        <v>227985</v>
      </c>
      <c r="R48" s="683">
        <v>295445</v>
      </c>
      <c r="S48" s="683">
        <v>1147993497</v>
      </c>
      <c r="T48" s="683">
        <v>3804</v>
      </c>
      <c r="U48" s="683">
        <v>74708</v>
      </c>
      <c r="V48" s="686">
        <v>47993859</v>
      </c>
      <c r="W48" s="684">
        <v>1064</v>
      </c>
      <c r="X48" s="683">
        <v>6125</v>
      </c>
      <c r="Y48" s="683">
        <v>81017070</v>
      </c>
      <c r="Z48" s="684">
        <v>593736</v>
      </c>
      <c r="AA48" s="685">
        <v>7731227322</v>
      </c>
      <c r="AB48" s="968" t="s">
        <v>412</v>
      </c>
      <c r="AC48" s="969"/>
      <c r="AD48" s="683">
        <v>25</v>
      </c>
      <c r="AE48" s="683">
        <v>2927</v>
      </c>
      <c r="AF48" s="683">
        <v>44605386</v>
      </c>
      <c r="AG48" s="683">
        <v>22</v>
      </c>
      <c r="AH48" s="683">
        <v>989293</v>
      </c>
      <c r="AI48" s="683">
        <v>0</v>
      </c>
      <c r="AJ48" s="682">
        <v>0</v>
      </c>
      <c r="AK48" s="683">
        <v>596688</v>
      </c>
      <c r="AL48" s="684">
        <v>7775832708</v>
      </c>
      <c r="AM48" s="683">
        <v>6198294679</v>
      </c>
      <c r="AN48" s="683">
        <v>489673866</v>
      </c>
      <c r="AO48" s="682">
        <v>1087864163</v>
      </c>
      <c r="AP48" s="682">
        <v>3760</v>
      </c>
      <c r="AQ48" s="681">
        <v>400922541</v>
      </c>
    </row>
    <row r="49" spans="3:43" s="637" customFormat="1" ht="10.5" customHeight="1" x14ac:dyDescent="0.15">
      <c r="O49" s="637" t="s">
        <v>246</v>
      </c>
      <c r="Q49" s="476"/>
    </row>
    <row r="50" spans="3:43" ht="10.5" customHeight="1" x14ac:dyDescent="0.15">
      <c r="C50" s="477"/>
      <c r="D50" s="477"/>
      <c r="E50" s="477"/>
      <c r="F50" s="477"/>
      <c r="G50" s="477"/>
      <c r="H50" s="477"/>
      <c r="I50" s="477"/>
      <c r="J50" s="477"/>
      <c r="K50" s="477"/>
      <c r="L50" s="477"/>
      <c r="M50" s="477"/>
      <c r="N50" s="477"/>
      <c r="Q50" s="477"/>
      <c r="R50" s="477"/>
      <c r="S50" s="477"/>
      <c r="T50" s="477"/>
      <c r="U50" s="477"/>
      <c r="V50" s="477"/>
      <c r="W50" s="477"/>
      <c r="X50" s="477"/>
      <c r="Y50" s="477"/>
      <c r="Z50" s="477"/>
      <c r="AA50" s="477"/>
      <c r="AD50" s="477"/>
      <c r="AE50" s="477"/>
      <c r="AF50" s="477"/>
      <c r="AG50" s="477"/>
      <c r="AH50" s="477"/>
      <c r="AI50" s="477"/>
      <c r="AJ50" s="477"/>
      <c r="AK50" s="477"/>
      <c r="AL50" s="477"/>
      <c r="AM50" s="477"/>
      <c r="AN50" s="477"/>
      <c r="AO50" s="477"/>
      <c r="AP50" s="477"/>
      <c r="AQ50" s="477"/>
    </row>
    <row r="51" spans="3:43" ht="10.5" customHeight="1" x14ac:dyDescent="0.15">
      <c r="C51" s="477"/>
      <c r="D51" s="477"/>
      <c r="E51" s="477"/>
      <c r="F51" s="477"/>
      <c r="G51" s="477"/>
      <c r="H51" s="477"/>
      <c r="I51" s="477"/>
      <c r="J51" s="477"/>
      <c r="K51" s="477"/>
      <c r="L51" s="477"/>
      <c r="M51" s="477"/>
      <c r="N51" s="477"/>
      <c r="Q51" s="477"/>
      <c r="R51" s="477"/>
      <c r="S51" s="477"/>
      <c r="T51" s="477"/>
      <c r="U51" s="477"/>
      <c r="V51" s="477"/>
      <c r="W51" s="477"/>
      <c r="X51" s="477"/>
      <c r="Y51" s="477"/>
      <c r="Z51" s="477"/>
      <c r="AA51" s="477"/>
      <c r="AD51" s="477"/>
      <c r="AE51" s="477"/>
      <c r="AF51" s="477"/>
      <c r="AG51" s="477"/>
      <c r="AH51" s="477"/>
      <c r="AI51" s="477"/>
      <c r="AJ51" s="477"/>
      <c r="AK51" s="477"/>
      <c r="AL51" s="477"/>
      <c r="AM51" s="477"/>
      <c r="AN51" s="477"/>
      <c r="AO51" s="477"/>
      <c r="AP51" s="477"/>
      <c r="AQ51" s="477"/>
    </row>
    <row r="52" spans="3:43" ht="10.5" customHeight="1" x14ac:dyDescent="0.15">
      <c r="C52" s="477"/>
      <c r="D52" s="477"/>
      <c r="E52" s="477"/>
      <c r="F52" s="477"/>
      <c r="G52" s="477"/>
      <c r="H52" s="477"/>
      <c r="I52" s="477"/>
      <c r="J52" s="477"/>
      <c r="K52" s="477"/>
      <c r="L52" s="477"/>
      <c r="M52" s="477"/>
      <c r="N52" s="477"/>
      <c r="Q52" s="477"/>
      <c r="R52" s="477"/>
      <c r="S52" s="477"/>
      <c r="T52" s="477"/>
      <c r="U52" s="477"/>
      <c r="V52" s="477"/>
      <c r="W52" s="477"/>
      <c r="X52" s="477"/>
      <c r="Y52" s="477"/>
      <c r="Z52" s="477"/>
      <c r="AA52" s="477"/>
      <c r="AD52" s="477"/>
      <c r="AE52" s="477"/>
      <c r="AF52" s="477"/>
      <c r="AG52" s="477"/>
      <c r="AH52" s="477"/>
      <c r="AI52" s="477"/>
      <c r="AJ52" s="477"/>
      <c r="AK52" s="477"/>
      <c r="AL52" s="477"/>
      <c r="AM52" s="477"/>
      <c r="AN52" s="477"/>
      <c r="AO52" s="477"/>
      <c r="AP52" s="477"/>
      <c r="AQ52" s="477"/>
    </row>
  </sheetData>
  <mergeCells count="32">
    <mergeCell ref="AB40:AC40"/>
    <mergeCell ref="AB47:AC47"/>
    <mergeCell ref="AB48:AC48"/>
    <mergeCell ref="C3:N3"/>
    <mergeCell ref="O3:P6"/>
    <mergeCell ref="Q3:AA3"/>
    <mergeCell ref="I5:K5"/>
    <mergeCell ref="L5:N5"/>
    <mergeCell ref="Q4:S5"/>
    <mergeCell ref="AB3:AC6"/>
    <mergeCell ref="AN5:AN6"/>
    <mergeCell ref="AM3:AO4"/>
    <mergeCell ref="AO5:AO6"/>
    <mergeCell ref="AM5:AM6"/>
    <mergeCell ref="A48:B48"/>
    <mergeCell ref="O40:P40"/>
    <mergeCell ref="O47:P47"/>
    <mergeCell ref="O48:P48"/>
    <mergeCell ref="A40:B40"/>
    <mergeCell ref="A47:B47"/>
    <mergeCell ref="A3:B6"/>
    <mergeCell ref="Z4:AA5"/>
    <mergeCell ref="W4:Y5"/>
    <mergeCell ref="T4:V5"/>
    <mergeCell ref="C5:E5"/>
    <mergeCell ref="F5:H5"/>
    <mergeCell ref="AK3:AL5"/>
    <mergeCell ref="AD3:AJ3"/>
    <mergeCell ref="AD4:AD5"/>
    <mergeCell ref="AI4:AJ5"/>
    <mergeCell ref="AE4:AH4"/>
    <mergeCell ref="AG5:AH5"/>
  </mergeCells>
  <phoneticPr fontId="5"/>
  <printOptions verticalCentered="1"/>
  <pageMargins left="0.6692913385826772" right="0" top="0.59055118110236227" bottom="0.39370078740157483" header="0.51181102362204722" footer="0.51181102362204722"/>
  <pageSetup paperSize="9" scale="85" orientation="landscape" blackAndWhite="1" r:id="rId1"/>
  <headerFooter alignWithMargins="0"/>
  <colBreaks count="2" manualBreakCount="2">
    <brk id="14" max="48" man="1"/>
    <brk id="27" max="48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Y65"/>
  <sheetViews>
    <sheetView zoomScaleNormal="100" zoomScaleSheetLayoutView="110" workbookViewId="0">
      <pane xSplit="2" ySplit="6" topLeftCell="C7" activePane="bottomRight" state="frozen"/>
      <selection activeCell="C1" sqref="C1:D1048576"/>
      <selection pane="topRight" activeCell="C1" sqref="C1:D1048576"/>
      <selection pane="bottomLeft" activeCell="C1" sqref="C1:D1048576"/>
      <selection pane="bottomRight"/>
    </sheetView>
  </sheetViews>
  <sheetFormatPr defaultColWidth="9" defaultRowHeight="9.6" x14ac:dyDescent="0.15"/>
  <cols>
    <col min="1" max="1" width="3.6640625" style="292" customWidth="1"/>
    <col min="2" max="2" width="10" style="292" customWidth="1"/>
    <col min="3" max="3" width="8" style="292" customWidth="1"/>
    <col min="4" max="4" width="8.88671875" style="292" customWidth="1"/>
    <col min="5" max="5" width="11.88671875" style="292" customWidth="1"/>
    <col min="6" max="6" width="8.109375" style="292" customWidth="1"/>
    <col min="7" max="7" width="8.88671875" style="292" customWidth="1"/>
    <col min="8" max="8" width="11.88671875" style="292" customWidth="1"/>
    <col min="9" max="9" width="8" style="292" customWidth="1"/>
    <col min="10" max="10" width="8.88671875" style="292" customWidth="1"/>
    <col min="11" max="11" width="11.88671875" style="292" customWidth="1"/>
    <col min="12" max="12" width="8.109375" style="292" customWidth="1"/>
    <col min="13" max="13" width="9.44140625" style="292" customWidth="1"/>
    <col min="14" max="14" width="12.44140625" style="292" customWidth="1"/>
    <col min="15" max="15" width="8.109375" style="292" customWidth="1"/>
    <col min="16" max="16" width="9.33203125" style="292" customWidth="1"/>
    <col min="17" max="17" width="11.88671875" style="292" customWidth="1"/>
    <col min="18" max="18" width="3.6640625" style="292" customWidth="1"/>
    <col min="19" max="19" width="10" style="292" customWidth="1"/>
    <col min="20" max="21" width="7.44140625" style="292" customWidth="1"/>
    <col min="22" max="22" width="10" style="292" customWidth="1"/>
    <col min="23" max="24" width="6.109375" style="292" customWidth="1"/>
    <col min="25" max="25" width="10" style="292" customWidth="1"/>
    <col min="26" max="26" width="9.33203125" style="292" customWidth="1"/>
    <col min="27" max="27" width="13.88671875" style="292" customWidth="1"/>
    <col min="28" max="29" width="6.6640625" style="292" customWidth="1"/>
    <col min="30" max="30" width="10.6640625" style="292" customWidth="1"/>
    <col min="31" max="31" width="6.6640625" style="292" customWidth="1"/>
    <col min="32" max="32" width="10.6640625" style="292" customWidth="1"/>
    <col min="33" max="33" width="6.6640625" style="292" customWidth="1"/>
    <col min="34" max="34" width="10" style="292" customWidth="1"/>
    <col min="35" max="35" width="6.6640625" style="292" customWidth="1"/>
    <col min="36" max="36" width="10" style="292" customWidth="1"/>
    <col min="37" max="37" width="3.6640625" style="292" customWidth="1"/>
    <col min="38" max="38" width="10" style="292" customWidth="1"/>
    <col min="39" max="39" width="6.6640625" style="292" customWidth="1"/>
    <col min="40" max="40" width="10.6640625" style="292" customWidth="1"/>
    <col min="41" max="41" width="6.6640625" style="292" customWidth="1"/>
    <col min="42" max="42" width="8.33203125" style="292" customWidth="1"/>
    <col min="43" max="43" width="6.109375" style="292" customWidth="1"/>
    <col min="44" max="44" width="13.109375" style="292" customWidth="1"/>
    <col min="45" max="45" width="4.109375" style="292" customWidth="1"/>
    <col min="46" max="46" width="10" style="292" customWidth="1"/>
    <col min="47" max="47" width="5.6640625" style="292" customWidth="1"/>
    <col min="48" max="48" width="8.109375" style="292" customWidth="1"/>
    <col min="49" max="49" width="10.6640625" style="292" customWidth="1"/>
    <col min="50" max="50" width="15" style="292" customWidth="1"/>
    <col min="51" max="51" width="3.6640625" style="292" hidden="1" customWidth="1"/>
    <col min="52" max="52" width="9.6640625" style="292" hidden="1" customWidth="1"/>
    <col min="53" max="54" width="15" style="292" customWidth="1"/>
    <col min="55" max="55" width="13.88671875" style="292" customWidth="1"/>
    <col min="56" max="56" width="3.6640625" style="292" customWidth="1"/>
    <col min="57" max="57" width="10" style="292" customWidth="1"/>
    <col min="58" max="58" width="7.88671875" style="292" customWidth="1"/>
    <col min="59" max="59" width="15.44140625" style="292" customWidth="1"/>
    <col min="60" max="60" width="7.6640625" style="292" customWidth="1"/>
    <col min="61" max="61" width="13.88671875" style="292" customWidth="1"/>
    <col min="62" max="16384" width="9" style="292"/>
  </cols>
  <sheetData>
    <row r="1" spans="1:61" s="414" customFormat="1" ht="12.75" customHeight="1" x14ac:dyDescent="0.2">
      <c r="A1" s="593" t="s">
        <v>376</v>
      </c>
      <c r="B1" s="594"/>
      <c r="C1" s="594"/>
      <c r="D1" s="594"/>
      <c r="E1" s="594"/>
      <c r="F1" s="594"/>
      <c r="G1" s="594"/>
      <c r="H1" s="594"/>
      <c r="I1" s="594"/>
      <c r="J1" s="594"/>
      <c r="K1" s="594"/>
      <c r="L1" s="594"/>
      <c r="M1" s="594"/>
      <c r="N1" s="594"/>
      <c r="O1" s="594"/>
      <c r="P1" s="594"/>
      <c r="Q1" s="916" t="s">
        <v>314</v>
      </c>
      <c r="R1" s="595" t="s">
        <v>375</v>
      </c>
      <c r="S1" s="594"/>
      <c r="T1" s="594"/>
      <c r="U1" s="594"/>
      <c r="V1" s="594"/>
      <c r="W1" s="594"/>
      <c r="X1" s="594"/>
      <c r="Y1" s="594"/>
      <c r="Z1" s="594"/>
      <c r="AA1" s="594"/>
      <c r="AB1" s="594"/>
      <c r="AC1" s="594"/>
      <c r="AD1" s="594"/>
      <c r="AE1" s="594"/>
      <c r="AF1" s="594"/>
      <c r="AG1" s="594"/>
      <c r="AH1" s="594"/>
      <c r="AI1" s="594"/>
      <c r="AJ1" s="916" t="s">
        <v>314</v>
      </c>
      <c r="AK1" s="595" t="s">
        <v>374</v>
      </c>
      <c r="AL1" s="594"/>
      <c r="AM1" s="594"/>
      <c r="AN1" s="594"/>
      <c r="AO1" s="594"/>
      <c r="AP1" s="594"/>
      <c r="AQ1" s="594"/>
      <c r="AR1" s="594"/>
      <c r="AS1" s="594"/>
      <c r="AT1" s="594"/>
      <c r="AU1" s="594"/>
      <c r="AV1" s="594"/>
      <c r="AW1" s="594"/>
      <c r="AX1" s="594"/>
      <c r="AY1" s="596" t="s">
        <v>373</v>
      </c>
      <c r="AZ1" s="594"/>
      <c r="BB1" s="594"/>
      <c r="BC1" s="916" t="s">
        <v>314</v>
      </c>
      <c r="BD1" s="595" t="s">
        <v>372</v>
      </c>
      <c r="BE1" s="594"/>
      <c r="BF1" s="594"/>
      <c r="BG1" s="594"/>
      <c r="BI1" s="597"/>
    </row>
    <row r="2" spans="1:61" ht="10.5" customHeight="1" thickBot="1" x14ac:dyDescent="0.2">
      <c r="A2" s="598"/>
      <c r="B2" s="599"/>
      <c r="C2" s="599"/>
      <c r="D2" s="599"/>
      <c r="E2" s="599"/>
      <c r="F2" s="599"/>
      <c r="G2" s="599"/>
      <c r="H2" s="599"/>
      <c r="I2" s="599"/>
      <c r="J2" s="599"/>
      <c r="K2" s="599"/>
      <c r="L2" s="599"/>
      <c r="M2" s="599"/>
      <c r="N2" s="599"/>
      <c r="O2" s="599"/>
      <c r="P2" s="599"/>
      <c r="Q2" s="917"/>
      <c r="R2" s="600"/>
      <c r="S2" s="599"/>
      <c r="T2" s="599"/>
      <c r="U2" s="599"/>
      <c r="V2" s="599"/>
      <c r="W2" s="599"/>
      <c r="X2" s="599"/>
      <c r="Y2" s="599"/>
      <c r="Z2" s="599"/>
      <c r="AA2" s="599"/>
      <c r="AB2" s="599"/>
      <c r="AC2" s="599"/>
      <c r="AD2" s="599"/>
      <c r="AE2" s="599"/>
      <c r="AF2" s="599"/>
      <c r="AG2" s="599"/>
      <c r="AH2" s="599"/>
      <c r="AI2" s="599"/>
      <c r="AJ2" s="917"/>
      <c r="AK2" s="600"/>
      <c r="AL2" s="599"/>
      <c r="AM2" s="599"/>
      <c r="AN2" s="599"/>
      <c r="AO2" s="599"/>
      <c r="AP2" s="599"/>
      <c r="AQ2" s="599"/>
      <c r="AR2" s="599"/>
      <c r="AS2" s="599"/>
      <c r="AT2" s="599"/>
      <c r="AU2" s="599"/>
      <c r="AV2" s="599"/>
      <c r="AW2" s="599"/>
      <c r="AX2" s="599"/>
      <c r="AY2" s="598"/>
      <c r="AZ2" s="599"/>
      <c r="BB2" s="599"/>
      <c r="BC2" s="917"/>
      <c r="BD2" s="600"/>
      <c r="BE2" s="599"/>
      <c r="BF2" s="599"/>
      <c r="BG2" s="413"/>
      <c r="BI2" s="601" t="s">
        <v>371</v>
      </c>
    </row>
    <row r="3" spans="1:61" s="512" customFormat="1" ht="10.5" customHeight="1" x14ac:dyDescent="0.15">
      <c r="A3" s="918" t="s">
        <v>237</v>
      </c>
      <c r="B3" s="992"/>
      <c r="C3" s="1037" t="s">
        <v>370</v>
      </c>
      <c r="D3" s="1038"/>
      <c r="E3" s="1038"/>
      <c r="F3" s="1038"/>
      <c r="G3" s="1038"/>
      <c r="H3" s="1038"/>
      <c r="I3" s="1038"/>
      <c r="J3" s="1038"/>
      <c r="K3" s="1038"/>
      <c r="L3" s="1038"/>
      <c r="M3" s="1038"/>
      <c r="N3" s="1038"/>
      <c r="O3" s="1038"/>
      <c r="P3" s="1038"/>
      <c r="Q3" s="1039"/>
      <c r="R3" s="918" t="s">
        <v>237</v>
      </c>
      <c r="S3" s="992"/>
      <c r="T3" s="1037" t="s">
        <v>369</v>
      </c>
      <c r="U3" s="1038"/>
      <c r="V3" s="1038"/>
      <c r="W3" s="1038"/>
      <c r="X3" s="1038"/>
      <c r="Y3" s="1038"/>
      <c r="Z3" s="1038"/>
      <c r="AA3" s="1038"/>
      <c r="AB3" s="1050" t="s">
        <v>368</v>
      </c>
      <c r="AC3" s="1051"/>
      <c r="AD3" s="1051"/>
      <c r="AE3" s="1051"/>
      <c r="AF3" s="1051"/>
      <c r="AG3" s="1051"/>
      <c r="AH3" s="1051"/>
      <c r="AI3" s="1051"/>
      <c r="AJ3" s="1081"/>
      <c r="AK3" s="918" t="s">
        <v>237</v>
      </c>
      <c r="AL3" s="992"/>
      <c r="AM3" s="1077" t="s">
        <v>367</v>
      </c>
      <c r="AN3" s="1078"/>
      <c r="AO3" s="1078"/>
      <c r="AP3" s="1078"/>
      <c r="AQ3" s="1078"/>
      <c r="AR3" s="1078"/>
      <c r="AS3" s="1078"/>
      <c r="AT3" s="1078"/>
      <c r="AU3" s="1078"/>
      <c r="AV3" s="1078"/>
      <c r="AW3" s="980" t="s">
        <v>309</v>
      </c>
      <c r="AX3" s="1094"/>
      <c r="AY3" s="936" t="s">
        <v>237</v>
      </c>
      <c r="AZ3" s="936"/>
      <c r="BA3" s="1064" t="s">
        <v>366</v>
      </c>
      <c r="BB3" s="1119"/>
      <c r="BC3" s="1120"/>
      <c r="BD3" s="1089" t="s">
        <v>365</v>
      </c>
      <c r="BE3" s="963"/>
      <c r="BF3" s="602"/>
      <c r="BG3" s="603"/>
      <c r="BH3" s="602"/>
      <c r="BI3" s="604"/>
    </row>
    <row r="4" spans="1:61" s="294" customFormat="1" ht="10.5" customHeight="1" x14ac:dyDescent="0.2">
      <c r="A4" s="920"/>
      <c r="B4" s="993"/>
      <c r="C4" s="939" t="s">
        <v>303</v>
      </c>
      <c r="D4" s="940"/>
      <c r="E4" s="940"/>
      <c r="F4" s="940"/>
      <c r="G4" s="940"/>
      <c r="H4" s="940"/>
      <c r="I4" s="940"/>
      <c r="J4" s="940"/>
      <c r="K4" s="940"/>
      <c r="L4" s="940"/>
      <c r="M4" s="940"/>
      <c r="N4" s="940"/>
      <c r="O4" s="999" t="s">
        <v>302</v>
      </c>
      <c r="P4" s="925"/>
      <c r="Q4" s="1013"/>
      <c r="R4" s="920"/>
      <c r="S4" s="993"/>
      <c r="T4" s="924" t="s">
        <v>364</v>
      </c>
      <c r="U4" s="925"/>
      <c r="V4" s="926"/>
      <c r="W4" s="924" t="s">
        <v>363</v>
      </c>
      <c r="X4" s="925"/>
      <c r="Y4" s="926"/>
      <c r="Z4" s="924" t="s">
        <v>362</v>
      </c>
      <c r="AA4" s="925"/>
      <c r="AB4" s="1082" t="s">
        <v>361</v>
      </c>
      <c r="AC4" s="605" t="s">
        <v>297</v>
      </c>
      <c r="AD4" s="606"/>
      <c r="AE4" s="606"/>
      <c r="AF4" s="606"/>
      <c r="AG4" s="606"/>
      <c r="AH4" s="606"/>
      <c r="AI4" s="607"/>
      <c r="AJ4" s="608"/>
      <c r="AK4" s="920"/>
      <c r="AL4" s="993"/>
      <c r="AM4" s="1106" t="s">
        <v>360</v>
      </c>
      <c r="AN4" s="1107"/>
      <c r="AO4" s="1107"/>
      <c r="AP4" s="1107"/>
      <c r="AQ4" s="1107"/>
      <c r="AR4" s="1107"/>
      <c r="AS4" s="1108"/>
      <c r="AT4" s="1109"/>
      <c r="AU4" s="1098" t="s">
        <v>359</v>
      </c>
      <c r="AV4" s="1099"/>
      <c r="AW4" s="981"/>
      <c r="AX4" s="1095"/>
      <c r="AY4" s="960"/>
      <c r="AZ4" s="960"/>
      <c r="BA4" s="1056"/>
      <c r="BB4" s="1121"/>
      <c r="BC4" s="1122"/>
      <c r="BD4" s="1090"/>
      <c r="BE4" s="1091"/>
      <c r="BF4" s="1114" t="s">
        <v>358</v>
      </c>
      <c r="BG4" s="1116"/>
      <c r="BH4" s="1114" t="s">
        <v>357</v>
      </c>
      <c r="BI4" s="1115"/>
    </row>
    <row r="5" spans="1:61" s="294" customFormat="1" ht="10.5" customHeight="1" x14ac:dyDescent="0.2">
      <c r="A5" s="920"/>
      <c r="B5" s="993"/>
      <c r="C5" s="984" t="s">
        <v>356</v>
      </c>
      <c r="D5" s="1003"/>
      <c r="E5" s="985"/>
      <c r="F5" s="984" t="s">
        <v>355</v>
      </c>
      <c r="G5" s="1003"/>
      <c r="H5" s="985"/>
      <c r="I5" s="984" t="s">
        <v>354</v>
      </c>
      <c r="J5" s="1003"/>
      <c r="K5" s="985"/>
      <c r="L5" s="984" t="s">
        <v>353</v>
      </c>
      <c r="M5" s="1003"/>
      <c r="N5" s="1003"/>
      <c r="O5" s="1000"/>
      <c r="P5" s="928"/>
      <c r="Q5" s="1014"/>
      <c r="R5" s="920"/>
      <c r="S5" s="993"/>
      <c r="T5" s="927"/>
      <c r="U5" s="928"/>
      <c r="V5" s="929"/>
      <c r="W5" s="927"/>
      <c r="X5" s="928"/>
      <c r="Y5" s="929"/>
      <c r="Z5" s="927"/>
      <c r="AA5" s="928"/>
      <c r="AB5" s="1082"/>
      <c r="AC5" s="984" t="s">
        <v>352</v>
      </c>
      <c r="AD5" s="985"/>
      <c r="AE5" s="986" t="s">
        <v>351</v>
      </c>
      <c r="AF5" s="991"/>
      <c r="AG5" s="986" t="s">
        <v>350</v>
      </c>
      <c r="AH5" s="991"/>
      <c r="AI5" s="986" t="s">
        <v>349</v>
      </c>
      <c r="AJ5" s="1103"/>
      <c r="AK5" s="920"/>
      <c r="AL5" s="993"/>
      <c r="AM5" s="995" t="s">
        <v>348</v>
      </c>
      <c r="AN5" s="1100"/>
      <c r="AO5" s="1000" t="s">
        <v>347</v>
      </c>
      <c r="AP5" s="945"/>
      <c r="AQ5" s="927" t="s">
        <v>346</v>
      </c>
      <c r="AR5" s="930"/>
      <c r="AS5" s="1112" t="s">
        <v>345</v>
      </c>
      <c r="AT5" s="1113"/>
      <c r="AU5" s="1000"/>
      <c r="AV5" s="928"/>
      <c r="AW5" s="1096"/>
      <c r="AX5" s="1097"/>
      <c r="AY5" s="960"/>
      <c r="AZ5" s="960"/>
      <c r="BA5" s="1123" t="s">
        <v>284</v>
      </c>
      <c r="BB5" s="1110" t="s">
        <v>344</v>
      </c>
      <c r="BC5" s="1117" t="s">
        <v>6</v>
      </c>
      <c r="BD5" s="1090"/>
      <c r="BE5" s="1091"/>
      <c r="BF5" s="609"/>
      <c r="BG5" s="610"/>
      <c r="BH5" s="609"/>
      <c r="BI5" s="611"/>
    </row>
    <row r="6" spans="1:61" s="294" customFormat="1" ht="22.2" thickBot="1" x14ac:dyDescent="0.25">
      <c r="A6" s="922"/>
      <c r="B6" s="994"/>
      <c r="C6" s="612" t="s">
        <v>335</v>
      </c>
      <c r="D6" s="613" t="s">
        <v>341</v>
      </c>
      <c r="E6" s="614" t="s">
        <v>339</v>
      </c>
      <c r="F6" s="612" t="s">
        <v>343</v>
      </c>
      <c r="G6" s="613" t="s">
        <v>341</v>
      </c>
      <c r="H6" s="614" t="s">
        <v>339</v>
      </c>
      <c r="I6" s="612" t="s">
        <v>343</v>
      </c>
      <c r="J6" s="613" t="s">
        <v>341</v>
      </c>
      <c r="K6" s="614" t="s">
        <v>339</v>
      </c>
      <c r="L6" s="612" t="s">
        <v>335</v>
      </c>
      <c r="M6" s="613" t="s">
        <v>341</v>
      </c>
      <c r="N6" s="614" t="s">
        <v>339</v>
      </c>
      <c r="O6" s="615" t="s">
        <v>335</v>
      </c>
      <c r="P6" s="616" t="s">
        <v>276</v>
      </c>
      <c r="Q6" s="617" t="s">
        <v>339</v>
      </c>
      <c r="R6" s="922"/>
      <c r="S6" s="994"/>
      <c r="T6" s="612" t="s">
        <v>335</v>
      </c>
      <c r="U6" s="613" t="s">
        <v>341</v>
      </c>
      <c r="V6" s="614" t="s">
        <v>339</v>
      </c>
      <c r="W6" s="612" t="s">
        <v>335</v>
      </c>
      <c r="X6" s="613" t="s">
        <v>342</v>
      </c>
      <c r="Y6" s="614" t="s">
        <v>339</v>
      </c>
      <c r="Z6" s="612" t="s">
        <v>335</v>
      </c>
      <c r="AA6" s="614" t="s">
        <v>340</v>
      </c>
      <c r="AB6" s="1083"/>
      <c r="AC6" s="614" t="s">
        <v>335</v>
      </c>
      <c r="AD6" s="612" t="s">
        <v>269</v>
      </c>
      <c r="AE6" s="614" t="s">
        <v>335</v>
      </c>
      <c r="AF6" s="612" t="s">
        <v>269</v>
      </c>
      <c r="AG6" s="614" t="s">
        <v>335</v>
      </c>
      <c r="AH6" s="612" t="s">
        <v>269</v>
      </c>
      <c r="AI6" s="614" t="s">
        <v>335</v>
      </c>
      <c r="AJ6" s="617" t="s">
        <v>269</v>
      </c>
      <c r="AK6" s="922"/>
      <c r="AL6" s="994"/>
      <c r="AM6" s="614" t="s">
        <v>335</v>
      </c>
      <c r="AN6" s="614" t="s">
        <v>269</v>
      </c>
      <c r="AO6" s="618" t="s">
        <v>335</v>
      </c>
      <c r="AP6" s="612" t="s">
        <v>269</v>
      </c>
      <c r="AQ6" s="614" t="s">
        <v>335</v>
      </c>
      <c r="AR6" s="619" t="s">
        <v>269</v>
      </c>
      <c r="AS6" s="620" t="s">
        <v>338</v>
      </c>
      <c r="AT6" s="613" t="s">
        <v>337</v>
      </c>
      <c r="AU6" s="618" t="s">
        <v>335</v>
      </c>
      <c r="AV6" s="621" t="s">
        <v>269</v>
      </c>
      <c r="AW6" s="618" t="s">
        <v>335</v>
      </c>
      <c r="AX6" s="622" t="s">
        <v>269</v>
      </c>
      <c r="AY6" s="1088"/>
      <c r="AZ6" s="1088"/>
      <c r="BA6" s="1124"/>
      <c r="BB6" s="1111"/>
      <c r="BC6" s="1118"/>
      <c r="BD6" s="1092"/>
      <c r="BE6" s="1093"/>
      <c r="BF6" s="624" t="s">
        <v>335</v>
      </c>
      <c r="BG6" s="624" t="s">
        <v>270</v>
      </c>
      <c r="BH6" s="624" t="s">
        <v>336</v>
      </c>
      <c r="BI6" s="625" t="s">
        <v>270</v>
      </c>
    </row>
    <row r="7" spans="1:61" s="294" customFormat="1" ht="13.5" customHeight="1" thickTop="1" x14ac:dyDescent="0.15">
      <c r="A7" s="332">
        <v>1</v>
      </c>
      <c r="B7" s="475" t="s">
        <v>228</v>
      </c>
      <c r="C7" s="456">
        <v>12</v>
      </c>
      <c r="D7" s="456">
        <v>365</v>
      </c>
      <c r="E7" s="456">
        <v>12804460</v>
      </c>
      <c r="F7" s="456">
        <v>41</v>
      </c>
      <c r="G7" s="456">
        <v>117</v>
      </c>
      <c r="H7" s="456">
        <v>724134</v>
      </c>
      <c r="I7" s="456">
        <v>12</v>
      </c>
      <c r="J7" s="456">
        <v>37</v>
      </c>
      <c r="K7" s="456">
        <v>173320</v>
      </c>
      <c r="L7" s="325">
        <v>65</v>
      </c>
      <c r="M7" s="325">
        <v>519</v>
      </c>
      <c r="N7" s="325">
        <v>13701914</v>
      </c>
      <c r="O7" s="456">
        <v>53</v>
      </c>
      <c r="P7" s="456">
        <v>62</v>
      </c>
      <c r="Q7" s="459">
        <v>999580</v>
      </c>
      <c r="R7" s="332">
        <v>1</v>
      </c>
      <c r="S7" s="475" t="s">
        <v>228</v>
      </c>
      <c r="T7" s="456">
        <v>12</v>
      </c>
      <c r="U7" s="456">
        <v>1067</v>
      </c>
      <c r="V7" s="456">
        <v>625979</v>
      </c>
      <c r="W7" s="456">
        <v>1</v>
      </c>
      <c r="X7" s="456">
        <v>31</v>
      </c>
      <c r="Y7" s="456">
        <v>457920</v>
      </c>
      <c r="Z7" s="325">
        <v>119</v>
      </c>
      <c r="AA7" s="325">
        <v>15785393</v>
      </c>
      <c r="AB7" s="456">
        <v>0</v>
      </c>
      <c r="AC7" s="456">
        <v>0</v>
      </c>
      <c r="AD7" s="456">
        <v>0</v>
      </c>
      <c r="AE7" s="456">
        <v>0</v>
      </c>
      <c r="AF7" s="456">
        <v>0</v>
      </c>
      <c r="AG7" s="456">
        <v>12</v>
      </c>
      <c r="AH7" s="456">
        <v>71666</v>
      </c>
      <c r="AI7" s="456">
        <v>0</v>
      </c>
      <c r="AJ7" s="459">
        <v>0</v>
      </c>
      <c r="AK7" s="332">
        <v>1</v>
      </c>
      <c r="AL7" s="463" t="s">
        <v>228</v>
      </c>
      <c r="AM7" s="456">
        <v>0</v>
      </c>
      <c r="AN7" s="456">
        <v>0</v>
      </c>
      <c r="AO7" s="456">
        <v>0</v>
      </c>
      <c r="AP7" s="456">
        <v>0</v>
      </c>
      <c r="AQ7" s="474">
        <v>12</v>
      </c>
      <c r="AR7" s="456">
        <v>71666</v>
      </c>
      <c r="AS7" s="456">
        <v>0</v>
      </c>
      <c r="AT7" s="456">
        <v>0</v>
      </c>
      <c r="AU7" s="474">
        <v>0</v>
      </c>
      <c r="AV7" s="456">
        <v>0</v>
      </c>
      <c r="AW7" s="336">
        <v>131</v>
      </c>
      <c r="AX7" s="335">
        <v>15857059</v>
      </c>
      <c r="AY7" s="455">
        <v>1</v>
      </c>
      <c r="AZ7" s="454" t="s">
        <v>334</v>
      </c>
      <c r="BA7" s="462">
        <v>11112865</v>
      </c>
      <c r="BB7" s="457">
        <v>3656380</v>
      </c>
      <c r="BC7" s="459">
        <v>1087814</v>
      </c>
      <c r="BD7" s="332">
        <v>1</v>
      </c>
      <c r="BE7" s="461" t="s">
        <v>228</v>
      </c>
      <c r="BF7" s="457">
        <v>24</v>
      </c>
      <c r="BG7" s="457">
        <v>3608384</v>
      </c>
      <c r="BH7" s="457">
        <v>0</v>
      </c>
      <c r="BI7" s="459">
        <v>0</v>
      </c>
    </row>
    <row r="8" spans="1:61" s="294" customFormat="1" ht="13.5" customHeight="1" x14ac:dyDescent="0.15">
      <c r="A8" s="332">
        <v>2</v>
      </c>
      <c r="B8" s="460" t="s">
        <v>225</v>
      </c>
      <c r="C8" s="456">
        <v>-2</v>
      </c>
      <c r="D8" s="456">
        <v>-10</v>
      </c>
      <c r="E8" s="456">
        <v>-993029</v>
      </c>
      <c r="F8" s="456">
        <v>26</v>
      </c>
      <c r="G8" s="456">
        <v>37</v>
      </c>
      <c r="H8" s="456">
        <v>222644</v>
      </c>
      <c r="I8" s="456">
        <v>10</v>
      </c>
      <c r="J8" s="456">
        <v>24</v>
      </c>
      <c r="K8" s="456">
        <v>195000</v>
      </c>
      <c r="L8" s="325">
        <v>34</v>
      </c>
      <c r="M8" s="325">
        <v>51</v>
      </c>
      <c r="N8" s="325">
        <v>-575385</v>
      </c>
      <c r="O8" s="456">
        <v>14</v>
      </c>
      <c r="P8" s="456">
        <v>16</v>
      </c>
      <c r="Q8" s="459">
        <v>169775</v>
      </c>
      <c r="R8" s="332">
        <v>2</v>
      </c>
      <c r="S8" s="460" t="s">
        <v>225</v>
      </c>
      <c r="T8" s="456">
        <v>-2</v>
      </c>
      <c r="U8" s="456">
        <v>-27</v>
      </c>
      <c r="V8" s="456">
        <v>-35443</v>
      </c>
      <c r="W8" s="456">
        <v>-4</v>
      </c>
      <c r="X8" s="456">
        <v>-4</v>
      </c>
      <c r="Y8" s="456">
        <v>-25170</v>
      </c>
      <c r="Z8" s="325">
        <v>44</v>
      </c>
      <c r="AA8" s="325">
        <v>-466223</v>
      </c>
      <c r="AB8" s="456">
        <v>2</v>
      </c>
      <c r="AC8" s="456">
        <v>0</v>
      </c>
      <c r="AD8" s="456">
        <v>0</v>
      </c>
      <c r="AE8" s="456">
        <v>0</v>
      </c>
      <c r="AF8" s="456">
        <v>0</v>
      </c>
      <c r="AG8" s="456">
        <v>5</v>
      </c>
      <c r="AH8" s="456">
        <v>38096</v>
      </c>
      <c r="AI8" s="456">
        <v>0</v>
      </c>
      <c r="AJ8" s="459">
        <v>0</v>
      </c>
      <c r="AK8" s="332">
        <v>2</v>
      </c>
      <c r="AL8" s="460" t="s">
        <v>225</v>
      </c>
      <c r="AM8" s="456">
        <v>0</v>
      </c>
      <c r="AN8" s="456">
        <v>0</v>
      </c>
      <c r="AO8" s="456">
        <v>0</v>
      </c>
      <c r="AP8" s="456">
        <v>0</v>
      </c>
      <c r="AQ8" s="457">
        <v>5</v>
      </c>
      <c r="AR8" s="456">
        <v>38096</v>
      </c>
      <c r="AS8" s="456">
        <v>0</v>
      </c>
      <c r="AT8" s="456">
        <v>0</v>
      </c>
      <c r="AU8" s="457">
        <v>0</v>
      </c>
      <c r="AV8" s="456">
        <v>0</v>
      </c>
      <c r="AW8" s="336">
        <v>51</v>
      </c>
      <c r="AX8" s="335">
        <v>-428127</v>
      </c>
      <c r="AY8" s="455">
        <v>1</v>
      </c>
      <c r="AZ8" s="454" t="s">
        <v>334</v>
      </c>
      <c r="BA8" s="453">
        <v>-303252</v>
      </c>
      <c r="BB8" s="451">
        <v>-101481</v>
      </c>
      <c r="BC8" s="450">
        <v>-23394</v>
      </c>
      <c r="BD8" s="332">
        <v>2</v>
      </c>
      <c r="BE8" s="452" t="s">
        <v>225</v>
      </c>
      <c r="BF8" s="451">
        <v>3</v>
      </c>
      <c r="BG8" s="451">
        <v>281850</v>
      </c>
      <c r="BH8" s="451">
        <v>2</v>
      </c>
      <c r="BI8" s="450">
        <v>36428</v>
      </c>
    </row>
    <row r="9" spans="1:61" s="294" customFormat="1" ht="13.5" customHeight="1" x14ac:dyDescent="0.15">
      <c r="A9" s="332">
        <v>3</v>
      </c>
      <c r="B9" s="460" t="s">
        <v>223</v>
      </c>
      <c r="C9" s="456">
        <v>0</v>
      </c>
      <c r="D9" s="456">
        <v>0</v>
      </c>
      <c r="E9" s="456">
        <v>-399260</v>
      </c>
      <c r="F9" s="456">
        <v>8</v>
      </c>
      <c r="G9" s="456">
        <v>16</v>
      </c>
      <c r="H9" s="456">
        <v>264920</v>
      </c>
      <c r="I9" s="456">
        <v>2</v>
      </c>
      <c r="J9" s="456">
        <v>4</v>
      </c>
      <c r="K9" s="456">
        <v>17940</v>
      </c>
      <c r="L9" s="325">
        <v>10</v>
      </c>
      <c r="M9" s="325">
        <v>20</v>
      </c>
      <c r="N9" s="325">
        <v>-116400</v>
      </c>
      <c r="O9" s="456">
        <v>8</v>
      </c>
      <c r="P9" s="456">
        <v>12</v>
      </c>
      <c r="Q9" s="459">
        <v>73490</v>
      </c>
      <c r="R9" s="332">
        <v>3</v>
      </c>
      <c r="S9" s="460" t="s">
        <v>223</v>
      </c>
      <c r="T9" s="456">
        <v>0</v>
      </c>
      <c r="U9" s="456">
        <v>0</v>
      </c>
      <c r="V9" s="456">
        <v>0</v>
      </c>
      <c r="W9" s="456">
        <v>0</v>
      </c>
      <c r="X9" s="456">
        <v>0</v>
      </c>
      <c r="Y9" s="456">
        <v>0</v>
      </c>
      <c r="Z9" s="325">
        <v>18</v>
      </c>
      <c r="AA9" s="325">
        <v>-42910</v>
      </c>
      <c r="AB9" s="456">
        <v>0</v>
      </c>
      <c r="AC9" s="456">
        <v>0</v>
      </c>
      <c r="AD9" s="456">
        <v>0</v>
      </c>
      <c r="AE9" s="456">
        <v>0</v>
      </c>
      <c r="AF9" s="456">
        <v>0</v>
      </c>
      <c r="AG9" s="456">
        <v>0</v>
      </c>
      <c r="AH9" s="456">
        <v>0</v>
      </c>
      <c r="AI9" s="456">
        <v>0</v>
      </c>
      <c r="AJ9" s="459">
        <v>0</v>
      </c>
      <c r="AK9" s="332">
        <v>3</v>
      </c>
      <c r="AL9" s="460" t="s">
        <v>223</v>
      </c>
      <c r="AM9" s="456">
        <v>0</v>
      </c>
      <c r="AN9" s="456">
        <v>0</v>
      </c>
      <c r="AO9" s="456">
        <v>0</v>
      </c>
      <c r="AP9" s="456">
        <v>0</v>
      </c>
      <c r="AQ9" s="457">
        <v>0</v>
      </c>
      <c r="AR9" s="456">
        <v>0</v>
      </c>
      <c r="AS9" s="456">
        <v>0</v>
      </c>
      <c r="AT9" s="456">
        <v>0</v>
      </c>
      <c r="AU9" s="457">
        <v>0</v>
      </c>
      <c r="AV9" s="456">
        <v>0</v>
      </c>
      <c r="AW9" s="336">
        <v>18</v>
      </c>
      <c r="AX9" s="335">
        <v>-42910</v>
      </c>
      <c r="AY9" s="455">
        <v>1</v>
      </c>
      <c r="AZ9" s="454" t="s">
        <v>334</v>
      </c>
      <c r="BA9" s="453">
        <v>-30037</v>
      </c>
      <c r="BB9" s="451">
        <v>10074</v>
      </c>
      <c r="BC9" s="450">
        <v>-22947</v>
      </c>
      <c r="BD9" s="332">
        <v>3</v>
      </c>
      <c r="BE9" s="452" t="s">
        <v>223</v>
      </c>
      <c r="BF9" s="451">
        <v>0</v>
      </c>
      <c r="BG9" s="451">
        <v>0</v>
      </c>
      <c r="BH9" s="451">
        <v>0</v>
      </c>
      <c r="BI9" s="450">
        <v>0</v>
      </c>
    </row>
    <row r="10" spans="1:61" s="294" customFormat="1" ht="13.5" customHeight="1" x14ac:dyDescent="0.15">
      <c r="A10" s="332">
        <v>4</v>
      </c>
      <c r="B10" s="460" t="s">
        <v>221</v>
      </c>
      <c r="C10" s="456">
        <v>0</v>
      </c>
      <c r="D10" s="456">
        <v>0</v>
      </c>
      <c r="E10" s="456">
        <v>-2710</v>
      </c>
      <c r="F10" s="456">
        <v>0</v>
      </c>
      <c r="G10" s="456">
        <v>0</v>
      </c>
      <c r="H10" s="456">
        <v>-2820</v>
      </c>
      <c r="I10" s="456">
        <v>0</v>
      </c>
      <c r="J10" s="456">
        <v>0</v>
      </c>
      <c r="K10" s="456">
        <v>0</v>
      </c>
      <c r="L10" s="325">
        <v>0</v>
      </c>
      <c r="M10" s="325">
        <v>0</v>
      </c>
      <c r="N10" s="325">
        <v>-5530</v>
      </c>
      <c r="O10" s="456">
        <v>0</v>
      </c>
      <c r="P10" s="456">
        <v>0</v>
      </c>
      <c r="Q10" s="459">
        <v>0</v>
      </c>
      <c r="R10" s="332">
        <v>4</v>
      </c>
      <c r="S10" s="460" t="s">
        <v>221</v>
      </c>
      <c r="T10" s="456">
        <v>0</v>
      </c>
      <c r="U10" s="456">
        <v>0</v>
      </c>
      <c r="V10" s="456">
        <v>0</v>
      </c>
      <c r="W10" s="456">
        <v>0</v>
      </c>
      <c r="X10" s="456">
        <v>0</v>
      </c>
      <c r="Y10" s="456">
        <v>0</v>
      </c>
      <c r="Z10" s="325">
        <v>0</v>
      </c>
      <c r="AA10" s="325">
        <v>-5530</v>
      </c>
      <c r="AB10" s="456">
        <v>0</v>
      </c>
      <c r="AC10" s="456">
        <v>0</v>
      </c>
      <c r="AD10" s="456">
        <v>0</v>
      </c>
      <c r="AE10" s="456">
        <v>0</v>
      </c>
      <c r="AF10" s="456">
        <v>0</v>
      </c>
      <c r="AG10" s="456">
        <v>0</v>
      </c>
      <c r="AH10" s="456">
        <v>0</v>
      </c>
      <c r="AI10" s="456">
        <v>0</v>
      </c>
      <c r="AJ10" s="459">
        <v>0</v>
      </c>
      <c r="AK10" s="332">
        <v>4</v>
      </c>
      <c r="AL10" s="460" t="s">
        <v>221</v>
      </c>
      <c r="AM10" s="456">
        <v>0</v>
      </c>
      <c r="AN10" s="456">
        <v>0</v>
      </c>
      <c r="AO10" s="456">
        <v>0</v>
      </c>
      <c r="AP10" s="456">
        <v>0</v>
      </c>
      <c r="AQ10" s="457">
        <v>0</v>
      </c>
      <c r="AR10" s="456">
        <v>0</v>
      </c>
      <c r="AS10" s="456">
        <v>0</v>
      </c>
      <c r="AT10" s="456">
        <v>0</v>
      </c>
      <c r="AU10" s="457">
        <v>0</v>
      </c>
      <c r="AV10" s="456">
        <v>0</v>
      </c>
      <c r="AW10" s="336">
        <v>0</v>
      </c>
      <c r="AX10" s="335">
        <v>-5530</v>
      </c>
      <c r="AY10" s="455">
        <v>1</v>
      </c>
      <c r="AZ10" s="454" t="s">
        <v>334</v>
      </c>
      <c r="BA10" s="453">
        <v>-3871</v>
      </c>
      <c r="BB10" s="451">
        <v>-1388</v>
      </c>
      <c r="BC10" s="450">
        <v>-271</v>
      </c>
      <c r="BD10" s="332">
        <v>4</v>
      </c>
      <c r="BE10" s="452" t="s">
        <v>221</v>
      </c>
      <c r="BF10" s="451">
        <v>0</v>
      </c>
      <c r="BG10" s="451">
        <v>0</v>
      </c>
      <c r="BH10" s="451">
        <v>0</v>
      </c>
      <c r="BI10" s="450">
        <v>0</v>
      </c>
    </row>
    <row r="11" spans="1:61" s="294" customFormat="1" ht="13.5" customHeight="1" x14ac:dyDescent="0.15">
      <c r="A11" s="332">
        <v>5</v>
      </c>
      <c r="B11" s="460" t="s">
        <v>219</v>
      </c>
      <c r="C11" s="456">
        <v>0</v>
      </c>
      <c r="D11" s="456">
        <v>0</v>
      </c>
      <c r="E11" s="456">
        <v>0</v>
      </c>
      <c r="F11" s="456">
        <v>31</v>
      </c>
      <c r="G11" s="456">
        <v>34</v>
      </c>
      <c r="H11" s="456">
        <v>214250</v>
      </c>
      <c r="I11" s="456">
        <v>5</v>
      </c>
      <c r="J11" s="456">
        <v>7</v>
      </c>
      <c r="K11" s="456">
        <v>71910</v>
      </c>
      <c r="L11" s="325">
        <v>36</v>
      </c>
      <c r="M11" s="325">
        <v>41</v>
      </c>
      <c r="N11" s="325">
        <v>286160</v>
      </c>
      <c r="O11" s="456">
        <v>27</v>
      </c>
      <c r="P11" s="456">
        <v>29</v>
      </c>
      <c r="Q11" s="459">
        <v>378730</v>
      </c>
      <c r="R11" s="332">
        <v>5</v>
      </c>
      <c r="S11" s="460" t="s">
        <v>219</v>
      </c>
      <c r="T11" s="456">
        <v>0</v>
      </c>
      <c r="U11" s="456">
        <v>0</v>
      </c>
      <c r="V11" s="456">
        <v>0</v>
      </c>
      <c r="W11" s="456">
        <v>0</v>
      </c>
      <c r="X11" s="456">
        <v>0</v>
      </c>
      <c r="Y11" s="456">
        <v>0</v>
      </c>
      <c r="Z11" s="325">
        <v>63</v>
      </c>
      <c r="AA11" s="325">
        <v>664890</v>
      </c>
      <c r="AB11" s="456">
        <v>0</v>
      </c>
      <c r="AC11" s="456">
        <v>3</v>
      </c>
      <c r="AD11" s="456">
        <v>18180</v>
      </c>
      <c r="AE11" s="456">
        <v>1</v>
      </c>
      <c r="AF11" s="456">
        <v>45064</v>
      </c>
      <c r="AG11" s="456">
        <v>0</v>
      </c>
      <c r="AH11" s="456">
        <v>0</v>
      </c>
      <c r="AI11" s="456">
        <v>0</v>
      </c>
      <c r="AJ11" s="459">
        <v>0</v>
      </c>
      <c r="AK11" s="332">
        <v>5</v>
      </c>
      <c r="AL11" s="460" t="s">
        <v>219</v>
      </c>
      <c r="AM11" s="456">
        <v>0</v>
      </c>
      <c r="AN11" s="456">
        <v>0</v>
      </c>
      <c r="AO11" s="456">
        <v>0</v>
      </c>
      <c r="AP11" s="456">
        <v>0</v>
      </c>
      <c r="AQ11" s="457">
        <v>4</v>
      </c>
      <c r="AR11" s="456">
        <v>63244</v>
      </c>
      <c r="AS11" s="456">
        <v>0</v>
      </c>
      <c r="AT11" s="456">
        <v>0</v>
      </c>
      <c r="AU11" s="457">
        <v>0</v>
      </c>
      <c r="AV11" s="456">
        <v>0</v>
      </c>
      <c r="AW11" s="336">
        <v>67</v>
      </c>
      <c r="AX11" s="335">
        <v>728134</v>
      </c>
      <c r="AY11" s="455">
        <v>1</v>
      </c>
      <c r="AZ11" s="454" t="s">
        <v>334</v>
      </c>
      <c r="BA11" s="453">
        <v>501721</v>
      </c>
      <c r="BB11" s="451">
        <v>80435</v>
      </c>
      <c r="BC11" s="450">
        <v>145978</v>
      </c>
      <c r="BD11" s="332">
        <v>5</v>
      </c>
      <c r="BE11" s="452" t="s">
        <v>219</v>
      </c>
      <c r="BF11" s="451">
        <v>1</v>
      </c>
      <c r="BG11" s="451">
        <v>116814</v>
      </c>
      <c r="BH11" s="451">
        <v>0</v>
      </c>
      <c r="BI11" s="450">
        <v>0</v>
      </c>
    </row>
    <row r="12" spans="1:61" s="294" customFormat="1" ht="13.5" customHeight="1" x14ac:dyDescent="0.15">
      <c r="A12" s="332">
        <v>6</v>
      </c>
      <c r="B12" s="460" t="s">
        <v>217</v>
      </c>
      <c r="C12" s="456">
        <v>0</v>
      </c>
      <c r="D12" s="456">
        <v>0</v>
      </c>
      <c r="E12" s="456">
        <v>-117520</v>
      </c>
      <c r="F12" s="456">
        <v>12</v>
      </c>
      <c r="G12" s="456">
        <v>16</v>
      </c>
      <c r="H12" s="456">
        <v>67520</v>
      </c>
      <c r="I12" s="456">
        <v>3</v>
      </c>
      <c r="J12" s="456">
        <v>7</v>
      </c>
      <c r="K12" s="456">
        <v>48080</v>
      </c>
      <c r="L12" s="325">
        <v>15</v>
      </c>
      <c r="M12" s="325">
        <v>23</v>
      </c>
      <c r="N12" s="325">
        <v>-1920</v>
      </c>
      <c r="O12" s="456">
        <v>8</v>
      </c>
      <c r="P12" s="456">
        <v>9</v>
      </c>
      <c r="Q12" s="459">
        <v>146910</v>
      </c>
      <c r="R12" s="332">
        <v>6</v>
      </c>
      <c r="S12" s="460" t="s">
        <v>217</v>
      </c>
      <c r="T12" s="456">
        <v>0</v>
      </c>
      <c r="U12" s="456">
        <v>0</v>
      </c>
      <c r="V12" s="456">
        <v>0</v>
      </c>
      <c r="W12" s="456">
        <v>0</v>
      </c>
      <c r="X12" s="456">
        <v>0</v>
      </c>
      <c r="Y12" s="456">
        <v>0</v>
      </c>
      <c r="Z12" s="325">
        <v>23</v>
      </c>
      <c r="AA12" s="325">
        <v>144990</v>
      </c>
      <c r="AB12" s="456">
        <v>0</v>
      </c>
      <c r="AC12" s="456">
        <v>0</v>
      </c>
      <c r="AD12" s="456">
        <v>0</v>
      </c>
      <c r="AE12" s="456">
        <v>0</v>
      </c>
      <c r="AF12" s="456">
        <v>0</v>
      </c>
      <c r="AG12" s="456">
        <v>2</v>
      </c>
      <c r="AH12" s="456">
        <v>15050</v>
      </c>
      <c r="AI12" s="456">
        <v>0</v>
      </c>
      <c r="AJ12" s="459">
        <v>0</v>
      </c>
      <c r="AK12" s="332">
        <v>6</v>
      </c>
      <c r="AL12" s="460" t="s">
        <v>217</v>
      </c>
      <c r="AM12" s="456">
        <v>1</v>
      </c>
      <c r="AN12" s="456">
        <v>16100</v>
      </c>
      <c r="AO12" s="456">
        <v>0</v>
      </c>
      <c r="AP12" s="456">
        <v>0</v>
      </c>
      <c r="AQ12" s="457">
        <v>3</v>
      </c>
      <c r="AR12" s="456">
        <v>31150</v>
      </c>
      <c r="AS12" s="456">
        <v>0</v>
      </c>
      <c r="AT12" s="456">
        <v>0</v>
      </c>
      <c r="AU12" s="457">
        <v>0</v>
      </c>
      <c r="AV12" s="456">
        <v>0</v>
      </c>
      <c r="AW12" s="336">
        <v>26</v>
      </c>
      <c r="AX12" s="335">
        <v>176140</v>
      </c>
      <c r="AY12" s="455">
        <v>1</v>
      </c>
      <c r="AZ12" s="454" t="s">
        <v>334</v>
      </c>
      <c r="BA12" s="453">
        <v>123298</v>
      </c>
      <c r="BB12" s="451">
        <v>48102</v>
      </c>
      <c r="BC12" s="450">
        <v>4740</v>
      </c>
      <c r="BD12" s="332">
        <v>6</v>
      </c>
      <c r="BE12" s="452" t="s">
        <v>217</v>
      </c>
      <c r="BF12" s="451">
        <v>2</v>
      </c>
      <c r="BG12" s="451">
        <v>6879</v>
      </c>
      <c r="BH12" s="451">
        <v>0</v>
      </c>
      <c r="BI12" s="450">
        <v>0</v>
      </c>
    </row>
    <row r="13" spans="1:61" s="294" customFormat="1" ht="13.5" customHeight="1" x14ac:dyDescent="0.15">
      <c r="A13" s="332">
        <v>7</v>
      </c>
      <c r="B13" s="460" t="s">
        <v>215</v>
      </c>
      <c r="C13" s="456">
        <v>0</v>
      </c>
      <c r="D13" s="456">
        <v>0</v>
      </c>
      <c r="E13" s="456">
        <v>-38950</v>
      </c>
      <c r="F13" s="456">
        <v>6</v>
      </c>
      <c r="G13" s="456">
        <v>7</v>
      </c>
      <c r="H13" s="456">
        <v>-650</v>
      </c>
      <c r="I13" s="456">
        <v>3</v>
      </c>
      <c r="J13" s="456">
        <v>7</v>
      </c>
      <c r="K13" s="456">
        <v>34840</v>
      </c>
      <c r="L13" s="325">
        <v>9</v>
      </c>
      <c r="M13" s="325">
        <v>14</v>
      </c>
      <c r="N13" s="325">
        <v>-4760</v>
      </c>
      <c r="O13" s="456">
        <v>5</v>
      </c>
      <c r="P13" s="456">
        <v>6</v>
      </c>
      <c r="Q13" s="459">
        <v>71760</v>
      </c>
      <c r="R13" s="332">
        <v>7</v>
      </c>
      <c r="S13" s="460" t="s">
        <v>215</v>
      </c>
      <c r="T13" s="456">
        <v>0</v>
      </c>
      <c r="U13" s="456">
        <v>0</v>
      </c>
      <c r="V13" s="456">
        <v>0</v>
      </c>
      <c r="W13" s="456">
        <v>0</v>
      </c>
      <c r="X13" s="456">
        <v>0</v>
      </c>
      <c r="Y13" s="456">
        <v>0</v>
      </c>
      <c r="Z13" s="325">
        <v>14</v>
      </c>
      <c r="AA13" s="325">
        <v>67000</v>
      </c>
      <c r="AB13" s="456">
        <v>0</v>
      </c>
      <c r="AC13" s="456">
        <v>0</v>
      </c>
      <c r="AD13" s="456">
        <v>0</v>
      </c>
      <c r="AE13" s="456">
        <v>0</v>
      </c>
      <c r="AF13" s="456">
        <v>0</v>
      </c>
      <c r="AG13" s="456">
        <v>2</v>
      </c>
      <c r="AH13" s="456">
        <v>6262</v>
      </c>
      <c r="AI13" s="456">
        <v>0</v>
      </c>
      <c r="AJ13" s="459">
        <v>0</v>
      </c>
      <c r="AK13" s="332">
        <v>7</v>
      </c>
      <c r="AL13" s="460" t="s">
        <v>215</v>
      </c>
      <c r="AM13" s="456">
        <v>0</v>
      </c>
      <c r="AN13" s="456">
        <v>0</v>
      </c>
      <c r="AO13" s="456">
        <v>0</v>
      </c>
      <c r="AP13" s="456">
        <v>0</v>
      </c>
      <c r="AQ13" s="457">
        <v>2</v>
      </c>
      <c r="AR13" s="456">
        <v>6262</v>
      </c>
      <c r="AS13" s="456">
        <v>0</v>
      </c>
      <c r="AT13" s="456">
        <v>0</v>
      </c>
      <c r="AU13" s="457">
        <v>0</v>
      </c>
      <c r="AV13" s="456">
        <v>0</v>
      </c>
      <c r="AW13" s="336">
        <v>16</v>
      </c>
      <c r="AX13" s="335">
        <v>73262</v>
      </c>
      <c r="AY13" s="455">
        <v>1</v>
      </c>
      <c r="AZ13" s="454" t="s">
        <v>334</v>
      </c>
      <c r="BA13" s="453">
        <v>51283</v>
      </c>
      <c r="BB13" s="451">
        <v>27664</v>
      </c>
      <c r="BC13" s="450">
        <v>-5685</v>
      </c>
      <c r="BD13" s="332">
        <v>7</v>
      </c>
      <c r="BE13" s="452" t="s">
        <v>215</v>
      </c>
      <c r="BF13" s="451">
        <v>0</v>
      </c>
      <c r="BG13" s="451">
        <v>-1463</v>
      </c>
      <c r="BH13" s="451">
        <v>0</v>
      </c>
      <c r="BI13" s="450">
        <v>0</v>
      </c>
    </row>
    <row r="14" spans="1:61" s="294" customFormat="1" ht="13.5" customHeight="1" x14ac:dyDescent="0.15">
      <c r="A14" s="332">
        <v>8</v>
      </c>
      <c r="B14" s="460" t="s">
        <v>213</v>
      </c>
      <c r="C14" s="456">
        <v>0</v>
      </c>
      <c r="D14" s="456">
        <v>0</v>
      </c>
      <c r="E14" s="456">
        <v>-26610</v>
      </c>
      <c r="F14" s="456">
        <v>3</v>
      </c>
      <c r="G14" s="456">
        <v>4</v>
      </c>
      <c r="H14" s="456">
        <v>81140</v>
      </c>
      <c r="I14" s="456">
        <v>1</v>
      </c>
      <c r="J14" s="456">
        <v>1</v>
      </c>
      <c r="K14" s="456">
        <v>2870</v>
      </c>
      <c r="L14" s="325">
        <v>4</v>
      </c>
      <c r="M14" s="325">
        <v>5</v>
      </c>
      <c r="N14" s="325">
        <v>57400</v>
      </c>
      <c r="O14" s="456">
        <v>7</v>
      </c>
      <c r="P14" s="456">
        <v>14</v>
      </c>
      <c r="Q14" s="459">
        <v>97420</v>
      </c>
      <c r="R14" s="332">
        <v>8</v>
      </c>
      <c r="S14" s="460" t="s">
        <v>213</v>
      </c>
      <c r="T14" s="456">
        <v>0</v>
      </c>
      <c r="U14" s="456">
        <v>0</v>
      </c>
      <c r="V14" s="456">
        <v>0</v>
      </c>
      <c r="W14" s="456">
        <v>0</v>
      </c>
      <c r="X14" s="456">
        <v>0</v>
      </c>
      <c r="Y14" s="456">
        <v>0</v>
      </c>
      <c r="Z14" s="325">
        <v>11</v>
      </c>
      <c r="AA14" s="325">
        <v>154820</v>
      </c>
      <c r="AB14" s="456">
        <v>0</v>
      </c>
      <c r="AC14" s="456">
        <v>0</v>
      </c>
      <c r="AD14" s="456">
        <v>0</v>
      </c>
      <c r="AE14" s="456">
        <v>0</v>
      </c>
      <c r="AF14" s="456">
        <v>0</v>
      </c>
      <c r="AG14" s="456">
        <v>3</v>
      </c>
      <c r="AH14" s="456">
        <v>9760</v>
      </c>
      <c r="AI14" s="456">
        <v>2</v>
      </c>
      <c r="AJ14" s="459">
        <v>89290</v>
      </c>
      <c r="AK14" s="332">
        <v>8</v>
      </c>
      <c r="AL14" s="460" t="s">
        <v>213</v>
      </c>
      <c r="AM14" s="456">
        <v>0</v>
      </c>
      <c r="AN14" s="456">
        <v>0</v>
      </c>
      <c r="AO14" s="456">
        <v>0</v>
      </c>
      <c r="AP14" s="456">
        <v>0</v>
      </c>
      <c r="AQ14" s="457">
        <v>5</v>
      </c>
      <c r="AR14" s="456">
        <v>99050</v>
      </c>
      <c r="AS14" s="456">
        <v>0</v>
      </c>
      <c r="AT14" s="456">
        <v>0</v>
      </c>
      <c r="AU14" s="457">
        <v>0</v>
      </c>
      <c r="AV14" s="456">
        <v>0</v>
      </c>
      <c r="AW14" s="336">
        <v>16</v>
      </c>
      <c r="AX14" s="335">
        <v>253870</v>
      </c>
      <c r="AY14" s="455">
        <v>1</v>
      </c>
      <c r="AZ14" s="454" t="s">
        <v>334</v>
      </c>
      <c r="BA14" s="453">
        <v>177709</v>
      </c>
      <c r="BB14" s="451">
        <v>49374</v>
      </c>
      <c r="BC14" s="450">
        <v>26787</v>
      </c>
      <c r="BD14" s="332">
        <v>8</v>
      </c>
      <c r="BE14" s="452" t="s">
        <v>213</v>
      </c>
      <c r="BF14" s="451">
        <v>0</v>
      </c>
      <c r="BG14" s="451">
        <v>41319</v>
      </c>
      <c r="BH14" s="451">
        <v>0</v>
      </c>
      <c r="BI14" s="450">
        <v>0</v>
      </c>
    </row>
    <row r="15" spans="1:61" s="294" customFormat="1" ht="13.5" customHeight="1" x14ac:dyDescent="0.15">
      <c r="A15" s="332">
        <v>9</v>
      </c>
      <c r="B15" s="460" t="s">
        <v>211</v>
      </c>
      <c r="C15" s="456">
        <v>0</v>
      </c>
      <c r="D15" s="456">
        <v>0</v>
      </c>
      <c r="E15" s="456">
        <v>0</v>
      </c>
      <c r="F15" s="456">
        <v>0</v>
      </c>
      <c r="G15" s="456">
        <v>0</v>
      </c>
      <c r="H15" s="456">
        <v>-1800</v>
      </c>
      <c r="I15" s="456">
        <v>0</v>
      </c>
      <c r="J15" s="456">
        <v>0</v>
      </c>
      <c r="K15" s="456">
        <v>-1600</v>
      </c>
      <c r="L15" s="325">
        <v>0</v>
      </c>
      <c r="M15" s="325">
        <v>0</v>
      </c>
      <c r="N15" s="325">
        <v>-3400</v>
      </c>
      <c r="O15" s="456">
        <v>0</v>
      </c>
      <c r="P15" s="456">
        <v>0</v>
      </c>
      <c r="Q15" s="459">
        <v>0</v>
      </c>
      <c r="R15" s="332">
        <v>9</v>
      </c>
      <c r="S15" s="460" t="s">
        <v>211</v>
      </c>
      <c r="T15" s="456">
        <v>0</v>
      </c>
      <c r="U15" s="456">
        <v>0</v>
      </c>
      <c r="V15" s="456">
        <v>0</v>
      </c>
      <c r="W15" s="456">
        <v>0</v>
      </c>
      <c r="X15" s="456">
        <v>0</v>
      </c>
      <c r="Y15" s="456">
        <v>0</v>
      </c>
      <c r="Z15" s="325">
        <v>0</v>
      </c>
      <c r="AA15" s="325">
        <v>-3400</v>
      </c>
      <c r="AB15" s="456">
        <v>0</v>
      </c>
      <c r="AC15" s="456">
        <v>0</v>
      </c>
      <c r="AD15" s="456">
        <v>0</v>
      </c>
      <c r="AE15" s="456">
        <v>0</v>
      </c>
      <c r="AF15" s="456">
        <v>0</v>
      </c>
      <c r="AG15" s="456">
        <v>0</v>
      </c>
      <c r="AH15" s="456">
        <v>0</v>
      </c>
      <c r="AI15" s="456">
        <v>0</v>
      </c>
      <c r="AJ15" s="459">
        <v>0</v>
      </c>
      <c r="AK15" s="332">
        <v>9</v>
      </c>
      <c r="AL15" s="460" t="s">
        <v>211</v>
      </c>
      <c r="AM15" s="456">
        <v>0</v>
      </c>
      <c r="AN15" s="456">
        <v>0</v>
      </c>
      <c r="AO15" s="456">
        <v>0</v>
      </c>
      <c r="AP15" s="456">
        <v>0</v>
      </c>
      <c r="AQ15" s="457">
        <v>0</v>
      </c>
      <c r="AR15" s="456">
        <v>0</v>
      </c>
      <c r="AS15" s="456">
        <v>0</v>
      </c>
      <c r="AT15" s="456">
        <v>0</v>
      </c>
      <c r="AU15" s="457">
        <v>0</v>
      </c>
      <c r="AV15" s="456">
        <v>0</v>
      </c>
      <c r="AW15" s="336">
        <v>0</v>
      </c>
      <c r="AX15" s="335">
        <v>-3400</v>
      </c>
      <c r="AY15" s="455">
        <v>1</v>
      </c>
      <c r="AZ15" s="454" t="s">
        <v>334</v>
      </c>
      <c r="BA15" s="453">
        <v>-2380</v>
      </c>
      <c r="BB15" s="451">
        <v>-1020</v>
      </c>
      <c r="BC15" s="450">
        <v>0</v>
      </c>
      <c r="BD15" s="332">
        <v>9</v>
      </c>
      <c r="BE15" s="452" t="s">
        <v>211</v>
      </c>
      <c r="BF15" s="451">
        <v>0</v>
      </c>
      <c r="BG15" s="451">
        <v>0</v>
      </c>
      <c r="BH15" s="451">
        <v>0</v>
      </c>
      <c r="BI15" s="450">
        <v>0</v>
      </c>
    </row>
    <row r="16" spans="1:61" s="294" customFormat="1" ht="13.5" customHeight="1" x14ac:dyDescent="0.15">
      <c r="A16" s="332">
        <v>10</v>
      </c>
      <c r="B16" s="460" t="s">
        <v>209</v>
      </c>
      <c r="C16" s="456">
        <v>2</v>
      </c>
      <c r="D16" s="456">
        <v>35</v>
      </c>
      <c r="E16" s="456">
        <v>606970</v>
      </c>
      <c r="F16" s="456">
        <v>15</v>
      </c>
      <c r="G16" s="456">
        <v>35</v>
      </c>
      <c r="H16" s="456">
        <v>353440</v>
      </c>
      <c r="I16" s="456">
        <v>5</v>
      </c>
      <c r="J16" s="456">
        <v>4</v>
      </c>
      <c r="K16" s="456">
        <v>94760</v>
      </c>
      <c r="L16" s="325">
        <v>22</v>
      </c>
      <c r="M16" s="325">
        <v>74</v>
      </c>
      <c r="N16" s="325">
        <v>1055170</v>
      </c>
      <c r="O16" s="456">
        <v>6</v>
      </c>
      <c r="P16" s="456">
        <v>7</v>
      </c>
      <c r="Q16" s="459">
        <v>4920</v>
      </c>
      <c r="R16" s="332">
        <v>10</v>
      </c>
      <c r="S16" s="460" t="s">
        <v>209</v>
      </c>
      <c r="T16" s="456">
        <v>2</v>
      </c>
      <c r="U16" s="456">
        <v>96</v>
      </c>
      <c r="V16" s="456">
        <v>63218</v>
      </c>
      <c r="W16" s="456">
        <v>1</v>
      </c>
      <c r="X16" s="456">
        <v>1</v>
      </c>
      <c r="Y16" s="456">
        <v>12990</v>
      </c>
      <c r="Z16" s="325">
        <v>29</v>
      </c>
      <c r="AA16" s="325">
        <v>1136298</v>
      </c>
      <c r="AB16" s="456">
        <v>0</v>
      </c>
      <c r="AC16" s="456">
        <v>0</v>
      </c>
      <c r="AD16" s="456">
        <v>0</v>
      </c>
      <c r="AE16" s="456">
        <v>0</v>
      </c>
      <c r="AF16" s="456">
        <v>0</v>
      </c>
      <c r="AG16" s="456">
        <v>5</v>
      </c>
      <c r="AH16" s="456">
        <v>47967</v>
      </c>
      <c r="AI16" s="456">
        <v>0</v>
      </c>
      <c r="AJ16" s="459">
        <v>0</v>
      </c>
      <c r="AK16" s="332">
        <v>10</v>
      </c>
      <c r="AL16" s="460" t="s">
        <v>209</v>
      </c>
      <c r="AM16" s="456">
        <v>0</v>
      </c>
      <c r="AN16" s="456">
        <v>0</v>
      </c>
      <c r="AO16" s="456">
        <v>0</v>
      </c>
      <c r="AP16" s="456">
        <v>0</v>
      </c>
      <c r="AQ16" s="457">
        <v>5</v>
      </c>
      <c r="AR16" s="456">
        <v>47967</v>
      </c>
      <c r="AS16" s="456">
        <v>0</v>
      </c>
      <c r="AT16" s="456">
        <v>0</v>
      </c>
      <c r="AU16" s="457">
        <v>0</v>
      </c>
      <c r="AV16" s="456">
        <v>0</v>
      </c>
      <c r="AW16" s="336">
        <v>34</v>
      </c>
      <c r="AX16" s="335">
        <v>1184265</v>
      </c>
      <c r="AY16" s="455">
        <v>1</v>
      </c>
      <c r="AZ16" s="454" t="s">
        <v>334</v>
      </c>
      <c r="BA16" s="453">
        <v>831690</v>
      </c>
      <c r="BB16" s="451">
        <v>310974</v>
      </c>
      <c r="BC16" s="450">
        <v>41601</v>
      </c>
      <c r="BD16" s="332">
        <v>10</v>
      </c>
      <c r="BE16" s="452" t="s">
        <v>209</v>
      </c>
      <c r="BF16" s="451">
        <v>3</v>
      </c>
      <c r="BG16" s="451">
        <v>285775</v>
      </c>
      <c r="BH16" s="451">
        <v>0</v>
      </c>
      <c r="BI16" s="450">
        <v>0</v>
      </c>
    </row>
    <row r="17" spans="1:61" s="294" customFormat="1" ht="13.5" customHeight="1" x14ac:dyDescent="0.15">
      <c r="A17" s="332">
        <v>11</v>
      </c>
      <c r="B17" s="460" t="s">
        <v>207</v>
      </c>
      <c r="C17" s="456">
        <v>0</v>
      </c>
      <c r="D17" s="456">
        <v>0</v>
      </c>
      <c r="E17" s="456">
        <v>-80750</v>
      </c>
      <c r="F17" s="456">
        <v>13</v>
      </c>
      <c r="G17" s="456">
        <v>13</v>
      </c>
      <c r="H17" s="456">
        <v>46350</v>
      </c>
      <c r="I17" s="456">
        <v>6</v>
      </c>
      <c r="J17" s="456">
        <v>16</v>
      </c>
      <c r="K17" s="456">
        <v>83220</v>
      </c>
      <c r="L17" s="325">
        <v>19</v>
      </c>
      <c r="M17" s="325">
        <v>29</v>
      </c>
      <c r="N17" s="325">
        <v>48820</v>
      </c>
      <c r="O17" s="456">
        <v>11</v>
      </c>
      <c r="P17" s="456">
        <v>11</v>
      </c>
      <c r="Q17" s="459">
        <v>73120</v>
      </c>
      <c r="R17" s="332">
        <v>11</v>
      </c>
      <c r="S17" s="460" t="s">
        <v>207</v>
      </c>
      <c r="T17" s="456">
        <v>0</v>
      </c>
      <c r="U17" s="456">
        <v>0</v>
      </c>
      <c r="V17" s="456">
        <v>0</v>
      </c>
      <c r="W17" s="456">
        <v>0</v>
      </c>
      <c r="X17" s="456">
        <v>0</v>
      </c>
      <c r="Y17" s="456">
        <v>0</v>
      </c>
      <c r="Z17" s="325">
        <v>30</v>
      </c>
      <c r="AA17" s="325">
        <v>121940</v>
      </c>
      <c r="AB17" s="456">
        <v>0</v>
      </c>
      <c r="AC17" s="456">
        <v>0</v>
      </c>
      <c r="AD17" s="456">
        <v>0</v>
      </c>
      <c r="AE17" s="456">
        <v>0</v>
      </c>
      <c r="AF17" s="456">
        <v>0</v>
      </c>
      <c r="AG17" s="456">
        <v>1</v>
      </c>
      <c r="AH17" s="456">
        <v>6100</v>
      </c>
      <c r="AI17" s="456">
        <v>0</v>
      </c>
      <c r="AJ17" s="459">
        <v>0</v>
      </c>
      <c r="AK17" s="332">
        <v>11</v>
      </c>
      <c r="AL17" s="460" t="s">
        <v>207</v>
      </c>
      <c r="AM17" s="456">
        <v>0</v>
      </c>
      <c r="AN17" s="456">
        <v>0</v>
      </c>
      <c r="AO17" s="456">
        <v>0</v>
      </c>
      <c r="AP17" s="456">
        <v>0</v>
      </c>
      <c r="AQ17" s="457">
        <v>1</v>
      </c>
      <c r="AR17" s="456">
        <v>6100</v>
      </c>
      <c r="AS17" s="456">
        <v>0</v>
      </c>
      <c r="AT17" s="456">
        <v>0</v>
      </c>
      <c r="AU17" s="457">
        <v>0</v>
      </c>
      <c r="AV17" s="456">
        <v>0</v>
      </c>
      <c r="AW17" s="336">
        <v>31</v>
      </c>
      <c r="AX17" s="335">
        <v>128040</v>
      </c>
      <c r="AY17" s="455">
        <v>1</v>
      </c>
      <c r="AZ17" s="454" t="s">
        <v>334</v>
      </c>
      <c r="BA17" s="453">
        <v>89628</v>
      </c>
      <c r="BB17" s="451">
        <v>39492</v>
      </c>
      <c r="BC17" s="450">
        <v>-1080</v>
      </c>
      <c r="BD17" s="332">
        <v>11</v>
      </c>
      <c r="BE17" s="452" t="s">
        <v>207</v>
      </c>
      <c r="BF17" s="451">
        <v>0</v>
      </c>
      <c r="BG17" s="451">
        <v>-1440</v>
      </c>
      <c r="BH17" s="451">
        <v>0</v>
      </c>
      <c r="BI17" s="450">
        <v>0</v>
      </c>
    </row>
    <row r="18" spans="1:61" s="294" customFormat="1" ht="13.5" customHeight="1" x14ac:dyDescent="0.15">
      <c r="A18" s="332">
        <v>12</v>
      </c>
      <c r="B18" s="460" t="s">
        <v>205</v>
      </c>
      <c r="C18" s="456">
        <v>0</v>
      </c>
      <c r="D18" s="456">
        <v>0</v>
      </c>
      <c r="E18" s="456">
        <v>-8940</v>
      </c>
      <c r="F18" s="456">
        <v>1</v>
      </c>
      <c r="G18" s="456">
        <v>2</v>
      </c>
      <c r="H18" s="456">
        <v>-4700</v>
      </c>
      <c r="I18" s="456">
        <v>4</v>
      </c>
      <c r="J18" s="456">
        <v>11</v>
      </c>
      <c r="K18" s="456">
        <v>118570</v>
      </c>
      <c r="L18" s="325">
        <v>5</v>
      </c>
      <c r="M18" s="325">
        <v>13</v>
      </c>
      <c r="N18" s="325">
        <v>104930</v>
      </c>
      <c r="O18" s="456">
        <v>2</v>
      </c>
      <c r="P18" s="456">
        <v>3</v>
      </c>
      <c r="Q18" s="459">
        <v>4740</v>
      </c>
      <c r="R18" s="332">
        <v>12</v>
      </c>
      <c r="S18" s="460" t="s">
        <v>205</v>
      </c>
      <c r="T18" s="456">
        <v>0</v>
      </c>
      <c r="U18" s="456">
        <v>0</v>
      </c>
      <c r="V18" s="456">
        <v>0</v>
      </c>
      <c r="W18" s="456">
        <v>0</v>
      </c>
      <c r="X18" s="456">
        <v>0</v>
      </c>
      <c r="Y18" s="456">
        <v>0</v>
      </c>
      <c r="Z18" s="325">
        <v>7</v>
      </c>
      <c r="AA18" s="325">
        <v>109670</v>
      </c>
      <c r="AB18" s="456">
        <v>0</v>
      </c>
      <c r="AC18" s="456">
        <v>0</v>
      </c>
      <c r="AD18" s="456">
        <v>0</v>
      </c>
      <c r="AE18" s="456">
        <v>0</v>
      </c>
      <c r="AF18" s="456">
        <v>0</v>
      </c>
      <c r="AG18" s="456">
        <v>0</v>
      </c>
      <c r="AH18" s="456">
        <v>0</v>
      </c>
      <c r="AI18" s="456">
        <v>0</v>
      </c>
      <c r="AJ18" s="459">
        <v>0</v>
      </c>
      <c r="AK18" s="332">
        <v>12</v>
      </c>
      <c r="AL18" s="460" t="s">
        <v>205</v>
      </c>
      <c r="AM18" s="456">
        <v>0</v>
      </c>
      <c r="AN18" s="456">
        <v>0</v>
      </c>
      <c r="AO18" s="456">
        <v>0</v>
      </c>
      <c r="AP18" s="456">
        <v>0</v>
      </c>
      <c r="AQ18" s="457">
        <v>0</v>
      </c>
      <c r="AR18" s="456">
        <v>0</v>
      </c>
      <c r="AS18" s="456">
        <v>0</v>
      </c>
      <c r="AT18" s="456">
        <v>0</v>
      </c>
      <c r="AU18" s="457">
        <v>0</v>
      </c>
      <c r="AV18" s="456">
        <v>0</v>
      </c>
      <c r="AW18" s="336">
        <v>7</v>
      </c>
      <c r="AX18" s="335">
        <v>109670</v>
      </c>
      <c r="AY18" s="455">
        <v>1</v>
      </c>
      <c r="AZ18" s="454" t="s">
        <v>334</v>
      </c>
      <c r="BA18" s="453">
        <v>76769</v>
      </c>
      <c r="BB18" s="451">
        <v>32901</v>
      </c>
      <c r="BC18" s="450">
        <v>0</v>
      </c>
      <c r="BD18" s="332">
        <v>12</v>
      </c>
      <c r="BE18" s="452" t="s">
        <v>205</v>
      </c>
      <c r="BF18" s="451">
        <v>0</v>
      </c>
      <c r="BG18" s="451">
        <v>-203</v>
      </c>
      <c r="BH18" s="451">
        <v>0</v>
      </c>
      <c r="BI18" s="450">
        <v>0</v>
      </c>
    </row>
    <row r="19" spans="1:61" s="294" customFormat="1" ht="13.5" customHeight="1" x14ac:dyDescent="0.15">
      <c r="A19" s="332">
        <v>13</v>
      </c>
      <c r="B19" s="460" t="s">
        <v>203</v>
      </c>
      <c r="C19" s="456">
        <v>-2</v>
      </c>
      <c r="D19" s="456">
        <v>-4</v>
      </c>
      <c r="E19" s="456">
        <v>-7580</v>
      </c>
      <c r="F19" s="456">
        <v>-3</v>
      </c>
      <c r="G19" s="456">
        <v>-2</v>
      </c>
      <c r="H19" s="456">
        <v>13970</v>
      </c>
      <c r="I19" s="456">
        <v>1</v>
      </c>
      <c r="J19" s="456">
        <v>2</v>
      </c>
      <c r="K19" s="456">
        <v>7290</v>
      </c>
      <c r="L19" s="325">
        <v>-4</v>
      </c>
      <c r="M19" s="325">
        <v>-4</v>
      </c>
      <c r="N19" s="325">
        <v>13680</v>
      </c>
      <c r="O19" s="456">
        <v>2</v>
      </c>
      <c r="P19" s="456">
        <v>3</v>
      </c>
      <c r="Q19" s="459">
        <v>73210</v>
      </c>
      <c r="R19" s="332">
        <v>13</v>
      </c>
      <c r="S19" s="460" t="s">
        <v>203</v>
      </c>
      <c r="T19" s="456">
        <v>0</v>
      </c>
      <c r="U19" s="456">
        <v>0</v>
      </c>
      <c r="V19" s="456">
        <v>0</v>
      </c>
      <c r="W19" s="456">
        <v>0</v>
      </c>
      <c r="X19" s="456">
        <v>0</v>
      </c>
      <c r="Y19" s="456">
        <v>0</v>
      </c>
      <c r="Z19" s="325">
        <v>-2</v>
      </c>
      <c r="AA19" s="325">
        <v>86890</v>
      </c>
      <c r="AB19" s="456">
        <v>0</v>
      </c>
      <c r="AC19" s="456">
        <v>0</v>
      </c>
      <c r="AD19" s="456">
        <v>0</v>
      </c>
      <c r="AE19" s="456">
        <v>0</v>
      </c>
      <c r="AF19" s="456">
        <v>0</v>
      </c>
      <c r="AG19" s="456">
        <v>2</v>
      </c>
      <c r="AH19" s="456">
        <v>27905</v>
      </c>
      <c r="AI19" s="456">
        <v>0</v>
      </c>
      <c r="AJ19" s="459">
        <v>0</v>
      </c>
      <c r="AK19" s="332">
        <v>13</v>
      </c>
      <c r="AL19" s="460" t="s">
        <v>203</v>
      </c>
      <c r="AM19" s="456">
        <v>0</v>
      </c>
      <c r="AN19" s="456">
        <v>0</v>
      </c>
      <c r="AO19" s="456">
        <v>0</v>
      </c>
      <c r="AP19" s="456">
        <v>0</v>
      </c>
      <c r="AQ19" s="457">
        <v>2</v>
      </c>
      <c r="AR19" s="456">
        <v>27905</v>
      </c>
      <c r="AS19" s="456">
        <v>0</v>
      </c>
      <c r="AT19" s="456">
        <v>0</v>
      </c>
      <c r="AU19" s="457">
        <v>0</v>
      </c>
      <c r="AV19" s="456">
        <v>0</v>
      </c>
      <c r="AW19" s="336">
        <v>0</v>
      </c>
      <c r="AX19" s="335">
        <v>114795</v>
      </c>
      <c r="AY19" s="455">
        <v>1</v>
      </c>
      <c r="AZ19" s="454" t="s">
        <v>334</v>
      </c>
      <c r="BA19" s="453">
        <v>80356</v>
      </c>
      <c r="BB19" s="451">
        <v>34439</v>
      </c>
      <c r="BC19" s="450">
        <v>0</v>
      </c>
      <c r="BD19" s="332">
        <v>13</v>
      </c>
      <c r="BE19" s="452" t="s">
        <v>203</v>
      </c>
      <c r="BF19" s="451">
        <v>0</v>
      </c>
      <c r="BG19" s="451">
        <v>-684</v>
      </c>
      <c r="BH19" s="451">
        <v>0</v>
      </c>
      <c r="BI19" s="450">
        <v>0</v>
      </c>
    </row>
    <row r="20" spans="1:61" s="294" customFormat="1" ht="13.5" customHeight="1" x14ac:dyDescent="0.15">
      <c r="A20" s="332">
        <v>14</v>
      </c>
      <c r="B20" s="460" t="s">
        <v>201</v>
      </c>
      <c r="C20" s="456">
        <v>0</v>
      </c>
      <c r="D20" s="456">
        <v>0</v>
      </c>
      <c r="E20" s="456">
        <v>-31430</v>
      </c>
      <c r="F20" s="456">
        <v>2</v>
      </c>
      <c r="G20" s="456">
        <v>2</v>
      </c>
      <c r="H20" s="456">
        <v>17430</v>
      </c>
      <c r="I20" s="456">
        <v>2</v>
      </c>
      <c r="J20" s="456">
        <v>3</v>
      </c>
      <c r="K20" s="456">
        <v>3860</v>
      </c>
      <c r="L20" s="325">
        <v>4</v>
      </c>
      <c r="M20" s="325">
        <v>5</v>
      </c>
      <c r="N20" s="325">
        <v>-10140</v>
      </c>
      <c r="O20" s="456">
        <v>1</v>
      </c>
      <c r="P20" s="456">
        <v>1</v>
      </c>
      <c r="Q20" s="459">
        <v>9600</v>
      </c>
      <c r="R20" s="332">
        <v>14</v>
      </c>
      <c r="S20" s="460" t="s">
        <v>201</v>
      </c>
      <c r="T20" s="456">
        <v>0</v>
      </c>
      <c r="U20" s="456">
        <v>0</v>
      </c>
      <c r="V20" s="456">
        <v>0</v>
      </c>
      <c r="W20" s="456">
        <v>0</v>
      </c>
      <c r="X20" s="456">
        <v>0</v>
      </c>
      <c r="Y20" s="456">
        <v>0</v>
      </c>
      <c r="Z20" s="325">
        <v>5</v>
      </c>
      <c r="AA20" s="325">
        <v>-540</v>
      </c>
      <c r="AB20" s="456">
        <v>0</v>
      </c>
      <c r="AC20" s="456">
        <v>0</v>
      </c>
      <c r="AD20" s="456">
        <v>0</v>
      </c>
      <c r="AE20" s="456">
        <v>0</v>
      </c>
      <c r="AF20" s="456">
        <v>0</v>
      </c>
      <c r="AG20" s="456">
        <v>0</v>
      </c>
      <c r="AH20" s="456">
        <v>0</v>
      </c>
      <c r="AI20" s="456">
        <v>0</v>
      </c>
      <c r="AJ20" s="459">
        <v>0</v>
      </c>
      <c r="AK20" s="332">
        <v>14</v>
      </c>
      <c r="AL20" s="460" t="s">
        <v>201</v>
      </c>
      <c r="AM20" s="456">
        <v>0</v>
      </c>
      <c r="AN20" s="456">
        <v>0</v>
      </c>
      <c r="AO20" s="456">
        <v>0</v>
      </c>
      <c r="AP20" s="456">
        <v>0</v>
      </c>
      <c r="AQ20" s="457">
        <v>0</v>
      </c>
      <c r="AR20" s="456">
        <v>0</v>
      </c>
      <c r="AS20" s="456">
        <v>0</v>
      </c>
      <c r="AT20" s="456">
        <v>0</v>
      </c>
      <c r="AU20" s="457">
        <v>0</v>
      </c>
      <c r="AV20" s="456">
        <v>0</v>
      </c>
      <c r="AW20" s="336">
        <v>5</v>
      </c>
      <c r="AX20" s="335">
        <v>-540</v>
      </c>
      <c r="AY20" s="455">
        <v>1</v>
      </c>
      <c r="AZ20" s="454" t="s">
        <v>334</v>
      </c>
      <c r="BA20" s="453">
        <v>-378</v>
      </c>
      <c r="BB20" s="451">
        <v>351</v>
      </c>
      <c r="BC20" s="450">
        <v>-513</v>
      </c>
      <c r="BD20" s="332">
        <v>14</v>
      </c>
      <c r="BE20" s="452" t="s">
        <v>201</v>
      </c>
      <c r="BF20" s="451">
        <v>0</v>
      </c>
      <c r="BG20" s="451">
        <v>-7023</v>
      </c>
      <c r="BH20" s="451">
        <v>0</v>
      </c>
      <c r="BI20" s="450">
        <v>0</v>
      </c>
    </row>
    <row r="21" spans="1:61" s="294" customFormat="1" ht="13.5" customHeight="1" x14ac:dyDescent="0.15">
      <c r="A21" s="332">
        <v>15</v>
      </c>
      <c r="B21" s="460" t="s">
        <v>199</v>
      </c>
      <c r="C21" s="456">
        <v>0</v>
      </c>
      <c r="D21" s="456">
        <v>0</v>
      </c>
      <c r="E21" s="456">
        <v>-700</v>
      </c>
      <c r="F21" s="456">
        <v>0</v>
      </c>
      <c r="G21" s="456">
        <v>0</v>
      </c>
      <c r="H21" s="456">
        <v>-14940</v>
      </c>
      <c r="I21" s="456">
        <v>1</v>
      </c>
      <c r="J21" s="456">
        <v>2</v>
      </c>
      <c r="K21" s="456">
        <v>57850</v>
      </c>
      <c r="L21" s="325">
        <v>1</v>
      </c>
      <c r="M21" s="325">
        <v>2</v>
      </c>
      <c r="N21" s="325">
        <v>42210</v>
      </c>
      <c r="O21" s="456">
        <v>0</v>
      </c>
      <c r="P21" s="456">
        <v>0</v>
      </c>
      <c r="Q21" s="459">
        <v>0</v>
      </c>
      <c r="R21" s="332">
        <v>15</v>
      </c>
      <c r="S21" s="460" t="s">
        <v>199</v>
      </c>
      <c r="T21" s="456">
        <v>0</v>
      </c>
      <c r="U21" s="456">
        <v>0</v>
      </c>
      <c r="V21" s="456">
        <v>0</v>
      </c>
      <c r="W21" s="456">
        <v>0</v>
      </c>
      <c r="X21" s="456">
        <v>0</v>
      </c>
      <c r="Y21" s="456">
        <v>0</v>
      </c>
      <c r="Z21" s="325">
        <v>1</v>
      </c>
      <c r="AA21" s="325">
        <v>42210</v>
      </c>
      <c r="AB21" s="456">
        <v>0</v>
      </c>
      <c r="AC21" s="456">
        <v>0</v>
      </c>
      <c r="AD21" s="456">
        <v>0</v>
      </c>
      <c r="AE21" s="456">
        <v>0</v>
      </c>
      <c r="AF21" s="456">
        <v>0</v>
      </c>
      <c r="AG21" s="456">
        <v>0</v>
      </c>
      <c r="AH21" s="456">
        <v>0</v>
      </c>
      <c r="AI21" s="456">
        <v>0</v>
      </c>
      <c r="AJ21" s="459">
        <v>0</v>
      </c>
      <c r="AK21" s="364">
        <v>15</v>
      </c>
      <c r="AL21" s="460" t="s">
        <v>199</v>
      </c>
      <c r="AM21" s="456">
        <v>0</v>
      </c>
      <c r="AN21" s="456">
        <v>0</v>
      </c>
      <c r="AO21" s="456">
        <v>0</v>
      </c>
      <c r="AP21" s="456">
        <v>0</v>
      </c>
      <c r="AQ21" s="457">
        <v>0</v>
      </c>
      <c r="AR21" s="456">
        <v>0</v>
      </c>
      <c r="AS21" s="456">
        <v>0</v>
      </c>
      <c r="AT21" s="456">
        <v>0</v>
      </c>
      <c r="AU21" s="457">
        <v>0</v>
      </c>
      <c r="AV21" s="456">
        <v>0</v>
      </c>
      <c r="AW21" s="336">
        <v>1</v>
      </c>
      <c r="AX21" s="335">
        <v>42210</v>
      </c>
      <c r="AY21" s="455">
        <v>1</v>
      </c>
      <c r="AZ21" s="454" t="s">
        <v>334</v>
      </c>
      <c r="BA21" s="453">
        <v>29547</v>
      </c>
      <c r="BB21" s="451">
        <v>12663</v>
      </c>
      <c r="BC21" s="450">
        <v>0</v>
      </c>
      <c r="BD21" s="364">
        <v>15</v>
      </c>
      <c r="BE21" s="452" t="s">
        <v>199</v>
      </c>
      <c r="BF21" s="451">
        <v>2</v>
      </c>
      <c r="BG21" s="451">
        <v>295333</v>
      </c>
      <c r="BH21" s="451">
        <v>0</v>
      </c>
      <c r="BI21" s="450">
        <v>0</v>
      </c>
    </row>
    <row r="22" spans="1:61" s="294" customFormat="1" ht="13.5" customHeight="1" x14ac:dyDescent="0.15">
      <c r="A22" s="364">
        <v>16</v>
      </c>
      <c r="B22" s="460" t="s">
        <v>197</v>
      </c>
      <c r="C22" s="456">
        <v>0</v>
      </c>
      <c r="D22" s="456">
        <v>0</v>
      </c>
      <c r="E22" s="456">
        <v>-25270</v>
      </c>
      <c r="F22" s="456">
        <v>0</v>
      </c>
      <c r="G22" s="456">
        <v>0</v>
      </c>
      <c r="H22" s="456">
        <v>-2500</v>
      </c>
      <c r="I22" s="456">
        <v>-1</v>
      </c>
      <c r="J22" s="456">
        <v>-3</v>
      </c>
      <c r="K22" s="456">
        <v>-32720</v>
      </c>
      <c r="L22" s="325">
        <v>-1</v>
      </c>
      <c r="M22" s="325">
        <v>-3</v>
      </c>
      <c r="N22" s="325">
        <v>-60490</v>
      </c>
      <c r="O22" s="456">
        <v>0</v>
      </c>
      <c r="P22" s="456">
        <v>0</v>
      </c>
      <c r="Q22" s="459">
        <v>0</v>
      </c>
      <c r="R22" s="364">
        <v>16</v>
      </c>
      <c r="S22" s="460" t="s">
        <v>197</v>
      </c>
      <c r="T22" s="456">
        <v>0</v>
      </c>
      <c r="U22" s="456">
        <v>0</v>
      </c>
      <c r="V22" s="456">
        <v>0</v>
      </c>
      <c r="W22" s="456">
        <v>0</v>
      </c>
      <c r="X22" s="456">
        <v>0</v>
      </c>
      <c r="Y22" s="456">
        <v>0</v>
      </c>
      <c r="Z22" s="325">
        <v>-1</v>
      </c>
      <c r="AA22" s="325">
        <v>-60490</v>
      </c>
      <c r="AB22" s="456">
        <v>0</v>
      </c>
      <c r="AC22" s="456">
        <v>0</v>
      </c>
      <c r="AD22" s="456">
        <v>0</v>
      </c>
      <c r="AE22" s="456">
        <v>0</v>
      </c>
      <c r="AF22" s="456">
        <v>0</v>
      </c>
      <c r="AG22" s="456">
        <v>0</v>
      </c>
      <c r="AH22" s="456">
        <v>0</v>
      </c>
      <c r="AI22" s="456">
        <v>0</v>
      </c>
      <c r="AJ22" s="459">
        <v>0</v>
      </c>
      <c r="AK22" s="364">
        <v>16</v>
      </c>
      <c r="AL22" s="460" t="s">
        <v>197</v>
      </c>
      <c r="AM22" s="456">
        <v>0</v>
      </c>
      <c r="AN22" s="456">
        <v>0</v>
      </c>
      <c r="AO22" s="456">
        <v>0</v>
      </c>
      <c r="AP22" s="456">
        <v>0</v>
      </c>
      <c r="AQ22" s="457">
        <v>0</v>
      </c>
      <c r="AR22" s="456">
        <v>0</v>
      </c>
      <c r="AS22" s="456">
        <v>0</v>
      </c>
      <c r="AT22" s="456">
        <v>0</v>
      </c>
      <c r="AU22" s="457">
        <v>0</v>
      </c>
      <c r="AV22" s="456">
        <v>0</v>
      </c>
      <c r="AW22" s="336">
        <v>-1</v>
      </c>
      <c r="AX22" s="335">
        <v>-60490</v>
      </c>
      <c r="AY22" s="455">
        <v>1</v>
      </c>
      <c r="AZ22" s="454" t="s">
        <v>334</v>
      </c>
      <c r="BA22" s="453">
        <v>-42343</v>
      </c>
      <c r="BB22" s="451">
        <v>-11727</v>
      </c>
      <c r="BC22" s="450">
        <v>-6420</v>
      </c>
      <c r="BD22" s="364">
        <v>16</v>
      </c>
      <c r="BE22" s="452" t="s">
        <v>197</v>
      </c>
      <c r="BF22" s="451">
        <v>0</v>
      </c>
      <c r="BG22" s="451">
        <v>-1740</v>
      </c>
      <c r="BH22" s="451">
        <v>0</v>
      </c>
      <c r="BI22" s="450">
        <v>0</v>
      </c>
    </row>
    <row r="23" spans="1:61" s="294" customFormat="1" ht="13.5" customHeight="1" x14ac:dyDescent="0.15">
      <c r="A23" s="364">
        <v>17</v>
      </c>
      <c r="B23" s="472" t="s">
        <v>195</v>
      </c>
      <c r="C23" s="315">
        <v>1</v>
      </c>
      <c r="D23" s="315">
        <v>1</v>
      </c>
      <c r="E23" s="315">
        <v>-7870</v>
      </c>
      <c r="F23" s="315">
        <v>1</v>
      </c>
      <c r="G23" s="315">
        <v>1</v>
      </c>
      <c r="H23" s="315">
        <v>-520150</v>
      </c>
      <c r="I23" s="315">
        <v>-1</v>
      </c>
      <c r="J23" s="315">
        <v>-1</v>
      </c>
      <c r="K23" s="315">
        <v>-5490</v>
      </c>
      <c r="L23" s="320">
        <v>1</v>
      </c>
      <c r="M23" s="320">
        <v>1</v>
      </c>
      <c r="N23" s="320">
        <v>-533510</v>
      </c>
      <c r="O23" s="315">
        <v>0</v>
      </c>
      <c r="P23" s="315">
        <v>0</v>
      </c>
      <c r="Q23" s="473">
        <v>-6840</v>
      </c>
      <c r="R23" s="364">
        <v>17</v>
      </c>
      <c r="S23" s="472" t="s">
        <v>195</v>
      </c>
      <c r="T23" s="315">
        <v>0</v>
      </c>
      <c r="U23" s="315">
        <v>0</v>
      </c>
      <c r="V23" s="315">
        <v>0</v>
      </c>
      <c r="W23" s="315">
        <v>0</v>
      </c>
      <c r="X23" s="315">
        <v>0</v>
      </c>
      <c r="Y23" s="315">
        <v>0</v>
      </c>
      <c r="Z23" s="320">
        <v>1</v>
      </c>
      <c r="AA23" s="325">
        <v>-540350</v>
      </c>
      <c r="AB23" s="315">
        <v>0</v>
      </c>
      <c r="AC23" s="315">
        <v>0</v>
      </c>
      <c r="AD23" s="315">
        <v>0</v>
      </c>
      <c r="AE23" s="315">
        <v>0</v>
      </c>
      <c r="AF23" s="315">
        <v>0</v>
      </c>
      <c r="AG23" s="315">
        <v>1</v>
      </c>
      <c r="AH23" s="315">
        <v>3810</v>
      </c>
      <c r="AI23" s="315">
        <v>0</v>
      </c>
      <c r="AJ23" s="473">
        <v>0</v>
      </c>
      <c r="AK23" s="364">
        <v>17</v>
      </c>
      <c r="AL23" s="472" t="s">
        <v>195</v>
      </c>
      <c r="AM23" s="315">
        <v>0</v>
      </c>
      <c r="AN23" s="315">
        <v>0</v>
      </c>
      <c r="AO23" s="315">
        <v>0</v>
      </c>
      <c r="AP23" s="315">
        <v>0</v>
      </c>
      <c r="AQ23" s="471">
        <v>1</v>
      </c>
      <c r="AR23" s="315">
        <v>3810</v>
      </c>
      <c r="AS23" s="315">
        <v>0</v>
      </c>
      <c r="AT23" s="315">
        <v>0</v>
      </c>
      <c r="AU23" s="471">
        <v>0</v>
      </c>
      <c r="AV23" s="315">
        <v>0</v>
      </c>
      <c r="AW23" s="318">
        <v>2</v>
      </c>
      <c r="AX23" s="335">
        <v>-536540</v>
      </c>
      <c r="AY23" s="455">
        <v>1</v>
      </c>
      <c r="AZ23" s="470" t="s">
        <v>334</v>
      </c>
      <c r="BA23" s="469">
        <v>-375578</v>
      </c>
      <c r="BB23" s="467">
        <v>-160839</v>
      </c>
      <c r="BC23" s="466">
        <v>-123</v>
      </c>
      <c r="BD23" s="364">
        <v>17</v>
      </c>
      <c r="BE23" s="468" t="s">
        <v>195</v>
      </c>
      <c r="BF23" s="467">
        <v>0</v>
      </c>
      <c r="BG23" s="467">
        <v>-125343</v>
      </c>
      <c r="BH23" s="467">
        <v>1</v>
      </c>
      <c r="BI23" s="466">
        <v>6401</v>
      </c>
    </row>
    <row r="24" spans="1:61" s="294" customFormat="1" ht="13.5" customHeight="1" x14ac:dyDescent="0.15">
      <c r="A24" s="364">
        <v>18</v>
      </c>
      <c r="B24" s="460" t="s">
        <v>193</v>
      </c>
      <c r="C24" s="451">
        <v>0</v>
      </c>
      <c r="D24" s="451">
        <v>0</v>
      </c>
      <c r="E24" s="451">
        <v>-6300</v>
      </c>
      <c r="F24" s="451">
        <v>7</v>
      </c>
      <c r="G24" s="451">
        <v>8</v>
      </c>
      <c r="H24" s="451">
        <v>78230</v>
      </c>
      <c r="I24" s="451">
        <v>1</v>
      </c>
      <c r="J24" s="451">
        <v>1</v>
      </c>
      <c r="K24" s="451">
        <v>13350</v>
      </c>
      <c r="L24" s="338">
        <v>8</v>
      </c>
      <c r="M24" s="338">
        <v>9</v>
      </c>
      <c r="N24" s="338">
        <v>85280</v>
      </c>
      <c r="O24" s="451">
        <v>3</v>
      </c>
      <c r="P24" s="451">
        <v>3</v>
      </c>
      <c r="Q24" s="450">
        <v>36460</v>
      </c>
      <c r="R24" s="364">
        <v>18</v>
      </c>
      <c r="S24" s="460" t="s">
        <v>193</v>
      </c>
      <c r="T24" s="451">
        <v>0</v>
      </c>
      <c r="U24" s="451">
        <v>0</v>
      </c>
      <c r="V24" s="451">
        <v>0</v>
      </c>
      <c r="W24" s="451">
        <v>0</v>
      </c>
      <c r="X24" s="451">
        <v>0</v>
      </c>
      <c r="Y24" s="451">
        <v>0</v>
      </c>
      <c r="Z24" s="338">
        <v>11</v>
      </c>
      <c r="AA24" s="325">
        <v>121740</v>
      </c>
      <c r="AB24" s="451">
        <v>0</v>
      </c>
      <c r="AC24" s="451">
        <v>0</v>
      </c>
      <c r="AD24" s="451">
        <v>0</v>
      </c>
      <c r="AE24" s="451">
        <v>0</v>
      </c>
      <c r="AF24" s="451">
        <v>0</v>
      </c>
      <c r="AG24" s="451">
        <v>0</v>
      </c>
      <c r="AH24" s="451">
        <v>0</v>
      </c>
      <c r="AI24" s="451">
        <v>2</v>
      </c>
      <c r="AJ24" s="450">
        <v>90420</v>
      </c>
      <c r="AK24" s="364">
        <v>18</v>
      </c>
      <c r="AL24" s="460" t="s">
        <v>193</v>
      </c>
      <c r="AM24" s="451">
        <v>0</v>
      </c>
      <c r="AN24" s="451">
        <v>0</v>
      </c>
      <c r="AO24" s="451">
        <v>0</v>
      </c>
      <c r="AP24" s="451">
        <v>0</v>
      </c>
      <c r="AQ24" s="451">
        <v>2</v>
      </c>
      <c r="AR24" s="451">
        <v>90420</v>
      </c>
      <c r="AS24" s="451">
        <v>0</v>
      </c>
      <c r="AT24" s="451">
        <v>0</v>
      </c>
      <c r="AU24" s="451">
        <v>0</v>
      </c>
      <c r="AV24" s="451">
        <v>0</v>
      </c>
      <c r="AW24" s="338">
        <v>13</v>
      </c>
      <c r="AX24" s="335">
        <v>212160</v>
      </c>
      <c r="AY24" s="465">
        <v>1</v>
      </c>
      <c r="AZ24" s="464" t="s">
        <v>334</v>
      </c>
      <c r="BA24" s="451">
        <v>148099</v>
      </c>
      <c r="BB24" s="451">
        <v>36935</v>
      </c>
      <c r="BC24" s="450">
        <v>27126</v>
      </c>
      <c r="BD24" s="364">
        <v>18</v>
      </c>
      <c r="BE24" s="460" t="s">
        <v>193</v>
      </c>
      <c r="BF24" s="451">
        <v>0</v>
      </c>
      <c r="BG24" s="451">
        <v>-413</v>
      </c>
      <c r="BH24" s="451">
        <v>0</v>
      </c>
      <c r="BI24" s="450">
        <v>0</v>
      </c>
    </row>
    <row r="25" spans="1:61" s="294" customFormat="1" ht="13.5" customHeight="1" x14ac:dyDescent="0.15">
      <c r="A25" s="364">
        <v>19</v>
      </c>
      <c r="B25" s="460" t="s">
        <v>191</v>
      </c>
      <c r="C25" s="451">
        <v>0</v>
      </c>
      <c r="D25" s="451">
        <v>0</v>
      </c>
      <c r="E25" s="451">
        <v>-1500</v>
      </c>
      <c r="F25" s="451">
        <v>2</v>
      </c>
      <c r="G25" s="451">
        <v>3</v>
      </c>
      <c r="H25" s="451">
        <v>9480</v>
      </c>
      <c r="I25" s="451">
        <v>0</v>
      </c>
      <c r="J25" s="451">
        <v>0</v>
      </c>
      <c r="K25" s="451">
        <v>0</v>
      </c>
      <c r="L25" s="338">
        <v>2</v>
      </c>
      <c r="M25" s="338">
        <v>3</v>
      </c>
      <c r="N25" s="338">
        <v>7980</v>
      </c>
      <c r="O25" s="451">
        <v>4</v>
      </c>
      <c r="P25" s="451">
        <v>6</v>
      </c>
      <c r="Q25" s="450">
        <v>25460</v>
      </c>
      <c r="R25" s="364">
        <v>19</v>
      </c>
      <c r="S25" s="460" t="s">
        <v>191</v>
      </c>
      <c r="T25" s="451">
        <v>0</v>
      </c>
      <c r="U25" s="451">
        <v>0</v>
      </c>
      <c r="V25" s="451">
        <v>0</v>
      </c>
      <c r="W25" s="451">
        <v>0</v>
      </c>
      <c r="X25" s="451">
        <v>0</v>
      </c>
      <c r="Y25" s="451">
        <v>0</v>
      </c>
      <c r="Z25" s="338">
        <v>6</v>
      </c>
      <c r="AA25" s="325">
        <v>33440</v>
      </c>
      <c r="AB25" s="451">
        <v>0</v>
      </c>
      <c r="AC25" s="451">
        <v>0</v>
      </c>
      <c r="AD25" s="451">
        <v>0</v>
      </c>
      <c r="AE25" s="451">
        <v>0</v>
      </c>
      <c r="AF25" s="451">
        <v>0</v>
      </c>
      <c r="AG25" s="451">
        <v>4</v>
      </c>
      <c r="AH25" s="451">
        <v>30291</v>
      </c>
      <c r="AI25" s="451">
        <v>0</v>
      </c>
      <c r="AJ25" s="450">
        <v>0</v>
      </c>
      <c r="AK25" s="364">
        <v>19</v>
      </c>
      <c r="AL25" s="460" t="s">
        <v>191</v>
      </c>
      <c r="AM25" s="451">
        <v>0</v>
      </c>
      <c r="AN25" s="451">
        <v>0</v>
      </c>
      <c r="AO25" s="451">
        <v>0</v>
      </c>
      <c r="AP25" s="451">
        <v>0</v>
      </c>
      <c r="AQ25" s="451">
        <v>4</v>
      </c>
      <c r="AR25" s="451">
        <v>30291</v>
      </c>
      <c r="AS25" s="451">
        <v>0</v>
      </c>
      <c r="AT25" s="451">
        <v>0</v>
      </c>
      <c r="AU25" s="451">
        <v>0</v>
      </c>
      <c r="AV25" s="451">
        <v>0</v>
      </c>
      <c r="AW25" s="338">
        <v>10</v>
      </c>
      <c r="AX25" s="335">
        <v>63731</v>
      </c>
      <c r="AY25" s="465">
        <v>1</v>
      </c>
      <c r="AZ25" s="464" t="s">
        <v>334</v>
      </c>
      <c r="BA25" s="451">
        <v>44611</v>
      </c>
      <c r="BB25" s="451">
        <v>19120</v>
      </c>
      <c r="BC25" s="450">
        <v>0</v>
      </c>
      <c r="BD25" s="364">
        <v>19</v>
      </c>
      <c r="BE25" s="460" t="s">
        <v>191</v>
      </c>
      <c r="BF25" s="451">
        <v>0</v>
      </c>
      <c r="BG25" s="451">
        <v>0</v>
      </c>
      <c r="BH25" s="451">
        <v>0</v>
      </c>
      <c r="BI25" s="450">
        <v>0</v>
      </c>
    </row>
    <row r="26" spans="1:61" s="294" customFormat="1" ht="13.5" customHeight="1" x14ac:dyDescent="0.15">
      <c r="A26" s="364">
        <v>20</v>
      </c>
      <c r="B26" s="460" t="s">
        <v>188</v>
      </c>
      <c r="C26" s="451">
        <v>0</v>
      </c>
      <c r="D26" s="451">
        <v>0</v>
      </c>
      <c r="E26" s="451">
        <v>0</v>
      </c>
      <c r="F26" s="451">
        <v>0</v>
      </c>
      <c r="G26" s="451">
        <v>0</v>
      </c>
      <c r="H26" s="451">
        <v>0</v>
      </c>
      <c r="I26" s="451">
        <v>-1</v>
      </c>
      <c r="J26" s="451">
        <v>-1</v>
      </c>
      <c r="K26" s="451">
        <v>-4780</v>
      </c>
      <c r="L26" s="338">
        <v>-1</v>
      </c>
      <c r="M26" s="338">
        <v>-1</v>
      </c>
      <c r="N26" s="338">
        <v>-4780</v>
      </c>
      <c r="O26" s="451">
        <v>0</v>
      </c>
      <c r="P26" s="451">
        <v>0</v>
      </c>
      <c r="Q26" s="450">
        <v>0</v>
      </c>
      <c r="R26" s="364">
        <v>20</v>
      </c>
      <c r="S26" s="460" t="s">
        <v>188</v>
      </c>
      <c r="T26" s="451">
        <v>0</v>
      </c>
      <c r="U26" s="451">
        <v>0</v>
      </c>
      <c r="V26" s="451">
        <v>0</v>
      </c>
      <c r="W26" s="451">
        <v>0</v>
      </c>
      <c r="X26" s="451">
        <v>0</v>
      </c>
      <c r="Y26" s="451">
        <v>0</v>
      </c>
      <c r="Z26" s="338">
        <v>-1</v>
      </c>
      <c r="AA26" s="325">
        <v>-4780</v>
      </c>
      <c r="AB26" s="451">
        <v>0</v>
      </c>
      <c r="AC26" s="451">
        <v>0</v>
      </c>
      <c r="AD26" s="451">
        <v>0</v>
      </c>
      <c r="AE26" s="451">
        <v>0</v>
      </c>
      <c r="AF26" s="451">
        <v>0</v>
      </c>
      <c r="AG26" s="451">
        <v>0</v>
      </c>
      <c r="AH26" s="451">
        <v>0</v>
      </c>
      <c r="AI26" s="451">
        <v>0</v>
      </c>
      <c r="AJ26" s="450">
        <v>0</v>
      </c>
      <c r="AK26" s="364">
        <v>20</v>
      </c>
      <c r="AL26" s="460" t="s">
        <v>188</v>
      </c>
      <c r="AM26" s="451">
        <v>0</v>
      </c>
      <c r="AN26" s="451">
        <v>0</v>
      </c>
      <c r="AO26" s="451">
        <v>0</v>
      </c>
      <c r="AP26" s="451">
        <v>0</v>
      </c>
      <c r="AQ26" s="451">
        <v>0</v>
      </c>
      <c r="AR26" s="451">
        <v>0</v>
      </c>
      <c r="AS26" s="451">
        <v>0</v>
      </c>
      <c r="AT26" s="451">
        <v>0</v>
      </c>
      <c r="AU26" s="451">
        <v>0</v>
      </c>
      <c r="AV26" s="451">
        <v>0</v>
      </c>
      <c r="AW26" s="338">
        <v>-1</v>
      </c>
      <c r="AX26" s="335">
        <v>-4780</v>
      </c>
      <c r="AY26" s="465">
        <v>1</v>
      </c>
      <c r="AZ26" s="464" t="s">
        <v>334</v>
      </c>
      <c r="BA26" s="451">
        <v>-3346</v>
      </c>
      <c r="BB26" s="451">
        <v>-1434</v>
      </c>
      <c r="BC26" s="450">
        <v>0</v>
      </c>
      <c r="BD26" s="364">
        <v>20</v>
      </c>
      <c r="BE26" s="460" t="s">
        <v>188</v>
      </c>
      <c r="BF26" s="451">
        <v>0</v>
      </c>
      <c r="BG26" s="451">
        <v>0</v>
      </c>
      <c r="BH26" s="451">
        <v>0</v>
      </c>
      <c r="BI26" s="450">
        <v>0</v>
      </c>
    </row>
    <row r="27" spans="1:61" s="294" customFormat="1" ht="13.5" customHeight="1" x14ac:dyDescent="0.15">
      <c r="A27" s="364">
        <v>21</v>
      </c>
      <c r="B27" s="460" t="s">
        <v>186</v>
      </c>
      <c r="C27" s="451">
        <v>0</v>
      </c>
      <c r="D27" s="451">
        <v>0</v>
      </c>
      <c r="E27" s="451">
        <v>-252250</v>
      </c>
      <c r="F27" s="451">
        <v>0</v>
      </c>
      <c r="G27" s="451">
        <v>0</v>
      </c>
      <c r="H27" s="451">
        <v>-1440</v>
      </c>
      <c r="I27" s="451">
        <v>0</v>
      </c>
      <c r="J27" s="451">
        <v>0</v>
      </c>
      <c r="K27" s="451">
        <v>0</v>
      </c>
      <c r="L27" s="338">
        <v>0</v>
      </c>
      <c r="M27" s="338">
        <v>0</v>
      </c>
      <c r="N27" s="338">
        <v>-253690</v>
      </c>
      <c r="O27" s="451">
        <v>0</v>
      </c>
      <c r="P27" s="451">
        <v>0</v>
      </c>
      <c r="Q27" s="450">
        <v>0</v>
      </c>
      <c r="R27" s="364">
        <v>21</v>
      </c>
      <c r="S27" s="460" t="s">
        <v>186</v>
      </c>
      <c r="T27" s="451">
        <v>0</v>
      </c>
      <c r="U27" s="451">
        <v>0</v>
      </c>
      <c r="V27" s="451">
        <v>0</v>
      </c>
      <c r="W27" s="451">
        <v>0</v>
      </c>
      <c r="X27" s="451">
        <v>0</v>
      </c>
      <c r="Y27" s="451">
        <v>0</v>
      </c>
      <c r="Z27" s="338">
        <v>0</v>
      </c>
      <c r="AA27" s="325">
        <v>-253690</v>
      </c>
      <c r="AB27" s="451">
        <v>0</v>
      </c>
      <c r="AC27" s="451">
        <v>0</v>
      </c>
      <c r="AD27" s="451">
        <v>0</v>
      </c>
      <c r="AE27" s="451">
        <v>0</v>
      </c>
      <c r="AF27" s="451">
        <v>0</v>
      </c>
      <c r="AG27" s="451">
        <v>0</v>
      </c>
      <c r="AH27" s="451">
        <v>0</v>
      </c>
      <c r="AI27" s="451">
        <v>0</v>
      </c>
      <c r="AJ27" s="450">
        <v>0</v>
      </c>
      <c r="AK27" s="364">
        <v>21</v>
      </c>
      <c r="AL27" s="460" t="s">
        <v>186</v>
      </c>
      <c r="AM27" s="451">
        <v>0</v>
      </c>
      <c r="AN27" s="451">
        <v>0</v>
      </c>
      <c r="AO27" s="451">
        <v>0</v>
      </c>
      <c r="AP27" s="451">
        <v>0</v>
      </c>
      <c r="AQ27" s="451">
        <v>0</v>
      </c>
      <c r="AR27" s="451">
        <v>0</v>
      </c>
      <c r="AS27" s="451">
        <v>0</v>
      </c>
      <c r="AT27" s="451">
        <v>0</v>
      </c>
      <c r="AU27" s="451">
        <v>0</v>
      </c>
      <c r="AV27" s="451">
        <v>0</v>
      </c>
      <c r="AW27" s="338">
        <v>0</v>
      </c>
      <c r="AX27" s="335">
        <v>-253690</v>
      </c>
      <c r="AY27" s="465">
        <v>1</v>
      </c>
      <c r="AZ27" s="464" t="s">
        <v>334</v>
      </c>
      <c r="BA27" s="451">
        <v>-177583</v>
      </c>
      <c r="BB27" s="451">
        <v>-76107</v>
      </c>
      <c r="BC27" s="450">
        <v>0</v>
      </c>
      <c r="BD27" s="364">
        <v>21</v>
      </c>
      <c r="BE27" s="460" t="s">
        <v>186</v>
      </c>
      <c r="BF27" s="451">
        <v>0</v>
      </c>
      <c r="BG27" s="451">
        <v>0</v>
      </c>
      <c r="BH27" s="451">
        <v>0</v>
      </c>
      <c r="BI27" s="450">
        <v>0</v>
      </c>
    </row>
    <row r="28" spans="1:61" s="294" customFormat="1" ht="13.5" customHeight="1" x14ac:dyDescent="0.15">
      <c r="A28" s="364">
        <v>22</v>
      </c>
      <c r="B28" s="460" t="s">
        <v>184</v>
      </c>
      <c r="C28" s="451">
        <v>1</v>
      </c>
      <c r="D28" s="451">
        <v>3</v>
      </c>
      <c r="E28" s="451">
        <v>794320</v>
      </c>
      <c r="F28" s="451">
        <v>20</v>
      </c>
      <c r="G28" s="451">
        <v>26</v>
      </c>
      <c r="H28" s="451">
        <v>252520</v>
      </c>
      <c r="I28" s="451">
        <v>0</v>
      </c>
      <c r="J28" s="451">
        <v>0</v>
      </c>
      <c r="K28" s="451">
        <v>0</v>
      </c>
      <c r="L28" s="338">
        <v>21</v>
      </c>
      <c r="M28" s="338">
        <v>29</v>
      </c>
      <c r="N28" s="338">
        <v>1046840</v>
      </c>
      <c r="O28" s="451">
        <v>16</v>
      </c>
      <c r="P28" s="451">
        <v>18</v>
      </c>
      <c r="Q28" s="450">
        <v>226620</v>
      </c>
      <c r="R28" s="364">
        <v>22</v>
      </c>
      <c r="S28" s="460" t="s">
        <v>184</v>
      </c>
      <c r="T28" s="451">
        <v>1</v>
      </c>
      <c r="U28" s="451">
        <v>5</v>
      </c>
      <c r="V28" s="451">
        <v>3680</v>
      </c>
      <c r="W28" s="451">
        <v>0</v>
      </c>
      <c r="X28" s="451">
        <v>0</v>
      </c>
      <c r="Y28" s="451">
        <v>0</v>
      </c>
      <c r="Z28" s="338">
        <v>37</v>
      </c>
      <c r="AA28" s="325">
        <v>1277140</v>
      </c>
      <c r="AB28" s="451">
        <v>0</v>
      </c>
      <c r="AC28" s="451">
        <v>0</v>
      </c>
      <c r="AD28" s="451">
        <v>0</v>
      </c>
      <c r="AE28" s="451">
        <v>0</v>
      </c>
      <c r="AF28" s="451">
        <v>0</v>
      </c>
      <c r="AG28" s="451">
        <v>0</v>
      </c>
      <c r="AH28" s="451">
        <v>0</v>
      </c>
      <c r="AI28" s="451">
        <v>0</v>
      </c>
      <c r="AJ28" s="450">
        <v>0</v>
      </c>
      <c r="AK28" s="364">
        <v>22</v>
      </c>
      <c r="AL28" s="460" t="s">
        <v>184</v>
      </c>
      <c r="AM28" s="451">
        <v>-10</v>
      </c>
      <c r="AN28" s="451">
        <v>-439310</v>
      </c>
      <c r="AO28" s="451">
        <v>0</v>
      </c>
      <c r="AP28" s="451">
        <v>0</v>
      </c>
      <c r="AQ28" s="451">
        <v>-10</v>
      </c>
      <c r="AR28" s="451">
        <v>-439310</v>
      </c>
      <c r="AS28" s="451">
        <v>0</v>
      </c>
      <c r="AT28" s="451">
        <v>0</v>
      </c>
      <c r="AU28" s="451">
        <v>0</v>
      </c>
      <c r="AV28" s="451">
        <v>0</v>
      </c>
      <c r="AW28" s="338">
        <v>27</v>
      </c>
      <c r="AX28" s="335">
        <v>837830</v>
      </c>
      <c r="AY28" s="465">
        <v>1</v>
      </c>
      <c r="AZ28" s="464" t="s">
        <v>334</v>
      </c>
      <c r="BA28" s="451">
        <v>585285</v>
      </c>
      <c r="BB28" s="451">
        <v>341669</v>
      </c>
      <c r="BC28" s="450">
        <v>-89124</v>
      </c>
      <c r="BD28" s="364">
        <v>22</v>
      </c>
      <c r="BE28" s="460" t="s">
        <v>184</v>
      </c>
      <c r="BF28" s="451">
        <v>0</v>
      </c>
      <c r="BG28" s="451">
        <v>0</v>
      </c>
      <c r="BH28" s="451">
        <v>0</v>
      </c>
      <c r="BI28" s="450">
        <v>0</v>
      </c>
    </row>
    <row r="29" spans="1:61" s="294" customFormat="1" ht="13.5" customHeight="1" x14ac:dyDescent="0.15">
      <c r="A29" s="364">
        <v>23</v>
      </c>
      <c r="B29" s="460" t="s">
        <v>182</v>
      </c>
      <c r="C29" s="451">
        <v>0</v>
      </c>
      <c r="D29" s="451">
        <v>0</v>
      </c>
      <c r="E29" s="451">
        <v>-14980</v>
      </c>
      <c r="F29" s="451">
        <v>1</v>
      </c>
      <c r="G29" s="451">
        <v>1</v>
      </c>
      <c r="H29" s="451">
        <v>7180</v>
      </c>
      <c r="I29" s="451">
        <v>1</v>
      </c>
      <c r="J29" s="451">
        <v>2</v>
      </c>
      <c r="K29" s="451">
        <v>11560</v>
      </c>
      <c r="L29" s="338">
        <v>2</v>
      </c>
      <c r="M29" s="338">
        <v>3</v>
      </c>
      <c r="N29" s="338">
        <v>3760</v>
      </c>
      <c r="O29" s="451">
        <v>1</v>
      </c>
      <c r="P29" s="451">
        <v>1</v>
      </c>
      <c r="Q29" s="450">
        <v>6910</v>
      </c>
      <c r="R29" s="364">
        <v>23</v>
      </c>
      <c r="S29" s="460" t="s">
        <v>182</v>
      </c>
      <c r="T29" s="451">
        <v>0</v>
      </c>
      <c r="U29" s="451">
        <v>0</v>
      </c>
      <c r="V29" s="451">
        <v>0</v>
      </c>
      <c r="W29" s="451">
        <v>0</v>
      </c>
      <c r="X29" s="451">
        <v>0</v>
      </c>
      <c r="Y29" s="451">
        <v>0</v>
      </c>
      <c r="Z29" s="338">
        <v>3</v>
      </c>
      <c r="AA29" s="325">
        <v>10670</v>
      </c>
      <c r="AB29" s="451">
        <v>0</v>
      </c>
      <c r="AC29" s="451">
        <v>0</v>
      </c>
      <c r="AD29" s="451">
        <v>0</v>
      </c>
      <c r="AE29" s="451">
        <v>0</v>
      </c>
      <c r="AF29" s="451">
        <v>0</v>
      </c>
      <c r="AG29" s="451">
        <v>1</v>
      </c>
      <c r="AH29" s="451">
        <v>58160</v>
      </c>
      <c r="AI29" s="451">
        <v>0</v>
      </c>
      <c r="AJ29" s="450">
        <v>0</v>
      </c>
      <c r="AK29" s="364">
        <v>23</v>
      </c>
      <c r="AL29" s="460" t="s">
        <v>182</v>
      </c>
      <c r="AM29" s="451">
        <v>0</v>
      </c>
      <c r="AN29" s="451">
        <v>0</v>
      </c>
      <c r="AO29" s="451">
        <v>0</v>
      </c>
      <c r="AP29" s="451">
        <v>0</v>
      </c>
      <c r="AQ29" s="451">
        <v>1</v>
      </c>
      <c r="AR29" s="451">
        <v>58160</v>
      </c>
      <c r="AS29" s="451">
        <v>0</v>
      </c>
      <c r="AT29" s="451">
        <v>0</v>
      </c>
      <c r="AU29" s="451">
        <v>0</v>
      </c>
      <c r="AV29" s="451">
        <v>0</v>
      </c>
      <c r="AW29" s="338">
        <v>4</v>
      </c>
      <c r="AX29" s="335">
        <v>68830</v>
      </c>
      <c r="AY29" s="465">
        <v>1</v>
      </c>
      <c r="AZ29" s="464" t="s">
        <v>334</v>
      </c>
      <c r="BA29" s="451">
        <v>48181</v>
      </c>
      <c r="BB29" s="451">
        <v>3534</v>
      </c>
      <c r="BC29" s="450">
        <v>17115</v>
      </c>
      <c r="BD29" s="364">
        <v>23</v>
      </c>
      <c r="BE29" s="460" t="s">
        <v>182</v>
      </c>
      <c r="BF29" s="451">
        <v>0</v>
      </c>
      <c r="BG29" s="451">
        <v>-4356</v>
      </c>
      <c r="BH29" s="451">
        <v>0</v>
      </c>
      <c r="BI29" s="450">
        <v>0</v>
      </c>
    </row>
    <row r="30" spans="1:61" s="294" customFormat="1" ht="13.5" customHeight="1" x14ac:dyDescent="0.15">
      <c r="A30" s="364">
        <v>24</v>
      </c>
      <c r="B30" s="463" t="s">
        <v>180</v>
      </c>
      <c r="C30" s="456">
        <v>0</v>
      </c>
      <c r="D30" s="456">
        <v>0</v>
      </c>
      <c r="E30" s="456">
        <v>0</v>
      </c>
      <c r="F30" s="456">
        <v>0</v>
      </c>
      <c r="G30" s="456">
        <v>0</v>
      </c>
      <c r="H30" s="456">
        <v>0</v>
      </c>
      <c r="I30" s="456">
        <v>0</v>
      </c>
      <c r="J30" s="456">
        <v>0</v>
      </c>
      <c r="K30" s="456">
        <v>0</v>
      </c>
      <c r="L30" s="325">
        <v>0</v>
      </c>
      <c r="M30" s="325">
        <v>0</v>
      </c>
      <c r="N30" s="325">
        <v>0</v>
      </c>
      <c r="O30" s="456">
        <v>0</v>
      </c>
      <c r="P30" s="456">
        <v>0</v>
      </c>
      <c r="Q30" s="459">
        <v>0</v>
      </c>
      <c r="R30" s="364">
        <v>24</v>
      </c>
      <c r="S30" s="463" t="s">
        <v>180</v>
      </c>
      <c r="T30" s="456">
        <v>0</v>
      </c>
      <c r="U30" s="456">
        <v>0</v>
      </c>
      <c r="V30" s="456">
        <v>0</v>
      </c>
      <c r="W30" s="456">
        <v>0</v>
      </c>
      <c r="X30" s="456">
        <v>0</v>
      </c>
      <c r="Y30" s="456">
        <v>0</v>
      </c>
      <c r="Z30" s="325">
        <v>0</v>
      </c>
      <c r="AA30" s="325">
        <v>0</v>
      </c>
      <c r="AB30" s="456">
        <v>0</v>
      </c>
      <c r="AC30" s="456">
        <v>0</v>
      </c>
      <c r="AD30" s="456">
        <v>0</v>
      </c>
      <c r="AE30" s="456">
        <v>0</v>
      </c>
      <c r="AF30" s="456">
        <v>0</v>
      </c>
      <c r="AG30" s="456">
        <v>0</v>
      </c>
      <c r="AH30" s="456">
        <v>0</v>
      </c>
      <c r="AI30" s="456">
        <v>0</v>
      </c>
      <c r="AJ30" s="459">
        <v>0</v>
      </c>
      <c r="AK30" s="364">
        <v>24</v>
      </c>
      <c r="AL30" s="463" t="s">
        <v>180</v>
      </c>
      <c r="AM30" s="456">
        <v>0</v>
      </c>
      <c r="AN30" s="456">
        <v>0</v>
      </c>
      <c r="AO30" s="456">
        <v>0</v>
      </c>
      <c r="AP30" s="456">
        <v>0</v>
      </c>
      <c r="AQ30" s="457">
        <v>0</v>
      </c>
      <c r="AR30" s="456">
        <v>0</v>
      </c>
      <c r="AS30" s="456">
        <v>0</v>
      </c>
      <c r="AT30" s="456">
        <v>0</v>
      </c>
      <c r="AU30" s="457">
        <v>0</v>
      </c>
      <c r="AV30" s="456">
        <v>0</v>
      </c>
      <c r="AW30" s="336">
        <v>0</v>
      </c>
      <c r="AX30" s="335">
        <v>0</v>
      </c>
      <c r="AY30" s="455">
        <v>1</v>
      </c>
      <c r="AZ30" s="454" t="s">
        <v>334</v>
      </c>
      <c r="BA30" s="462">
        <v>0</v>
      </c>
      <c r="BB30" s="457">
        <v>0</v>
      </c>
      <c r="BC30" s="459">
        <v>0</v>
      </c>
      <c r="BD30" s="364">
        <v>24</v>
      </c>
      <c r="BE30" s="461" t="s">
        <v>180</v>
      </c>
      <c r="BF30" s="457">
        <v>0</v>
      </c>
      <c r="BG30" s="457">
        <v>0</v>
      </c>
      <c r="BH30" s="457">
        <v>0</v>
      </c>
      <c r="BI30" s="459">
        <v>0</v>
      </c>
    </row>
    <row r="31" spans="1:61" s="294" customFormat="1" ht="13.5" customHeight="1" x14ac:dyDescent="0.15">
      <c r="A31" s="364">
        <v>25</v>
      </c>
      <c r="B31" s="460" t="s">
        <v>178</v>
      </c>
      <c r="C31" s="456">
        <v>0</v>
      </c>
      <c r="D31" s="456">
        <v>0</v>
      </c>
      <c r="E31" s="456">
        <v>0</v>
      </c>
      <c r="F31" s="456">
        <v>0</v>
      </c>
      <c r="G31" s="456">
        <v>0</v>
      </c>
      <c r="H31" s="456">
        <v>-4130</v>
      </c>
      <c r="I31" s="456">
        <v>0</v>
      </c>
      <c r="J31" s="456">
        <v>0</v>
      </c>
      <c r="K31" s="456">
        <v>0</v>
      </c>
      <c r="L31" s="325">
        <v>0</v>
      </c>
      <c r="M31" s="325">
        <v>0</v>
      </c>
      <c r="N31" s="325">
        <v>-4130</v>
      </c>
      <c r="O31" s="456">
        <v>0</v>
      </c>
      <c r="P31" s="456">
        <v>0</v>
      </c>
      <c r="Q31" s="459">
        <v>0</v>
      </c>
      <c r="R31" s="364">
        <v>25</v>
      </c>
      <c r="S31" s="460" t="s">
        <v>178</v>
      </c>
      <c r="T31" s="456">
        <v>0</v>
      </c>
      <c r="U31" s="456">
        <v>0</v>
      </c>
      <c r="V31" s="456">
        <v>0</v>
      </c>
      <c r="W31" s="456">
        <v>0</v>
      </c>
      <c r="X31" s="456">
        <v>0</v>
      </c>
      <c r="Y31" s="456">
        <v>0</v>
      </c>
      <c r="Z31" s="325">
        <v>0</v>
      </c>
      <c r="AA31" s="325">
        <v>-4130</v>
      </c>
      <c r="AB31" s="456">
        <v>0</v>
      </c>
      <c r="AC31" s="456">
        <v>0</v>
      </c>
      <c r="AD31" s="456">
        <v>0</v>
      </c>
      <c r="AE31" s="456">
        <v>0</v>
      </c>
      <c r="AF31" s="456">
        <v>0</v>
      </c>
      <c r="AG31" s="456">
        <v>0</v>
      </c>
      <c r="AH31" s="456">
        <v>0</v>
      </c>
      <c r="AI31" s="456">
        <v>0</v>
      </c>
      <c r="AJ31" s="459">
        <v>0</v>
      </c>
      <c r="AK31" s="364">
        <v>25</v>
      </c>
      <c r="AL31" s="460" t="s">
        <v>178</v>
      </c>
      <c r="AM31" s="456">
        <v>0</v>
      </c>
      <c r="AN31" s="456">
        <v>0</v>
      </c>
      <c r="AO31" s="456">
        <v>0</v>
      </c>
      <c r="AP31" s="456">
        <v>0</v>
      </c>
      <c r="AQ31" s="457">
        <v>0</v>
      </c>
      <c r="AR31" s="456">
        <v>0</v>
      </c>
      <c r="AS31" s="456">
        <v>0</v>
      </c>
      <c r="AT31" s="456">
        <v>0</v>
      </c>
      <c r="AU31" s="457">
        <v>0</v>
      </c>
      <c r="AV31" s="456">
        <v>0</v>
      </c>
      <c r="AW31" s="336">
        <v>0</v>
      </c>
      <c r="AX31" s="335">
        <v>-4130</v>
      </c>
      <c r="AY31" s="455">
        <v>1</v>
      </c>
      <c r="AZ31" s="454" t="s">
        <v>334</v>
      </c>
      <c r="BA31" s="453">
        <v>-2891</v>
      </c>
      <c r="BB31" s="451">
        <v>-1239</v>
      </c>
      <c r="BC31" s="450">
        <v>0</v>
      </c>
      <c r="BD31" s="364">
        <v>25</v>
      </c>
      <c r="BE31" s="452" t="s">
        <v>178</v>
      </c>
      <c r="BF31" s="451">
        <v>0</v>
      </c>
      <c r="BG31" s="451">
        <v>0</v>
      </c>
      <c r="BH31" s="451">
        <v>0</v>
      </c>
      <c r="BI31" s="450">
        <v>0</v>
      </c>
    </row>
    <row r="32" spans="1:61" s="294" customFormat="1" ht="13.5" customHeight="1" x14ac:dyDescent="0.15">
      <c r="A32" s="332">
        <v>26</v>
      </c>
      <c r="B32" s="460" t="s">
        <v>176</v>
      </c>
      <c r="C32" s="456">
        <v>0</v>
      </c>
      <c r="D32" s="456">
        <v>0</v>
      </c>
      <c r="E32" s="456">
        <v>-1400</v>
      </c>
      <c r="F32" s="456">
        <v>1</v>
      </c>
      <c r="G32" s="456">
        <v>1</v>
      </c>
      <c r="H32" s="456">
        <v>9350</v>
      </c>
      <c r="I32" s="456">
        <v>0</v>
      </c>
      <c r="J32" s="456">
        <v>0</v>
      </c>
      <c r="K32" s="456">
        <v>0</v>
      </c>
      <c r="L32" s="325">
        <v>1</v>
      </c>
      <c r="M32" s="325">
        <v>1</v>
      </c>
      <c r="N32" s="325">
        <v>7950</v>
      </c>
      <c r="O32" s="456">
        <v>0</v>
      </c>
      <c r="P32" s="456">
        <v>0</v>
      </c>
      <c r="Q32" s="459">
        <v>0</v>
      </c>
      <c r="R32" s="364">
        <v>26</v>
      </c>
      <c r="S32" s="460" t="s">
        <v>176</v>
      </c>
      <c r="T32" s="456">
        <v>0</v>
      </c>
      <c r="U32" s="456">
        <v>0</v>
      </c>
      <c r="V32" s="456">
        <v>0</v>
      </c>
      <c r="W32" s="456">
        <v>0</v>
      </c>
      <c r="X32" s="456">
        <v>0</v>
      </c>
      <c r="Y32" s="456">
        <v>0</v>
      </c>
      <c r="Z32" s="325">
        <v>1</v>
      </c>
      <c r="AA32" s="325">
        <v>7950</v>
      </c>
      <c r="AB32" s="456">
        <v>0</v>
      </c>
      <c r="AC32" s="456">
        <v>0</v>
      </c>
      <c r="AD32" s="456">
        <v>0</v>
      </c>
      <c r="AE32" s="456">
        <v>0</v>
      </c>
      <c r="AF32" s="456">
        <v>0</v>
      </c>
      <c r="AG32" s="456">
        <v>0</v>
      </c>
      <c r="AH32" s="456">
        <v>0</v>
      </c>
      <c r="AI32" s="456">
        <v>0</v>
      </c>
      <c r="AJ32" s="459">
        <v>0</v>
      </c>
      <c r="AK32" s="364">
        <v>26</v>
      </c>
      <c r="AL32" s="460" t="s">
        <v>176</v>
      </c>
      <c r="AM32" s="456">
        <v>0</v>
      </c>
      <c r="AN32" s="456">
        <v>0</v>
      </c>
      <c r="AO32" s="456">
        <v>0</v>
      </c>
      <c r="AP32" s="456">
        <v>0</v>
      </c>
      <c r="AQ32" s="457">
        <v>0</v>
      </c>
      <c r="AR32" s="456">
        <v>0</v>
      </c>
      <c r="AS32" s="456">
        <v>0</v>
      </c>
      <c r="AT32" s="456">
        <v>0</v>
      </c>
      <c r="AU32" s="457">
        <v>0</v>
      </c>
      <c r="AV32" s="456">
        <v>0</v>
      </c>
      <c r="AW32" s="336">
        <v>1</v>
      </c>
      <c r="AX32" s="335">
        <v>7950</v>
      </c>
      <c r="AY32" s="455">
        <v>1</v>
      </c>
      <c r="AZ32" s="454" t="s">
        <v>334</v>
      </c>
      <c r="BA32" s="453">
        <v>5565</v>
      </c>
      <c r="BB32" s="451">
        <v>2385</v>
      </c>
      <c r="BC32" s="450">
        <v>0</v>
      </c>
      <c r="BD32" s="364">
        <v>26</v>
      </c>
      <c r="BE32" s="452" t="s">
        <v>176</v>
      </c>
      <c r="BF32" s="451">
        <v>0</v>
      </c>
      <c r="BG32" s="451">
        <v>-210</v>
      </c>
      <c r="BH32" s="451">
        <v>0</v>
      </c>
      <c r="BI32" s="450">
        <v>0</v>
      </c>
    </row>
    <row r="33" spans="1:77" s="294" customFormat="1" ht="13.5" customHeight="1" x14ac:dyDescent="0.15">
      <c r="A33" s="332">
        <v>27</v>
      </c>
      <c r="B33" s="460" t="s">
        <v>173</v>
      </c>
      <c r="C33" s="456">
        <v>0</v>
      </c>
      <c r="D33" s="456">
        <v>0</v>
      </c>
      <c r="E33" s="456">
        <v>0</v>
      </c>
      <c r="F33" s="456">
        <v>0</v>
      </c>
      <c r="G33" s="456">
        <v>0</v>
      </c>
      <c r="H33" s="456">
        <v>0</v>
      </c>
      <c r="I33" s="456">
        <v>0</v>
      </c>
      <c r="J33" s="456">
        <v>0</v>
      </c>
      <c r="K33" s="456">
        <v>0</v>
      </c>
      <c r="L33" s="325">
        <v>0</v>
      </c>
      <c r="M33" s="325">
        <v>0</v>
      </c>
      <c r="N33" s="325">
        <v>0</v>
      </c>
      <c r="O33" s="456">
        <v>0</v>
      </c>
      <c r="P33" s="456">
        <v>0</v>
      </c>
      <c r="Q33" s="459">
        <v>0</v>
      </c>
      <c r="R33" s="332">
        <v>27</v>
      </c>
      <c r="S33" s="460" t="s">
        <v>173</v>
      </c>
      <c r="T33" s="456">
        <v>0</v>
      </c>
      <c r="U33" s="456">
        <v>0</v>
      </c>
      <c r="V33" s="456">
        <v>0</v>
      </c>
      <c r="W33" s="456">
        <v>0</v>
      </c>
      <c r="X33" s="456">
        <v>0</v>
      </c>
      <c r="Y33" s="456">
        <v>0</v>
      </c>
      <c r="Z33" s="325">
        <v>0</v>
      </c>
      <c r="AA33" s="325">
        <v>0</v>
      </c>
      <c r="AB33" s="456">
        <v>0</v>
      </c>
      <c r="AC33" s="456">
        <v>0</v>
      </c>
      <c r="AD33" s="456">
        <v>0</v>
      </c>
      <c r="AE33" s="456">
        <v>0</v>
      </c>
      <c r="AF33" s="456">
        <v>0</v>
      </c>
      <c r="AG33" s="456">
        <v>0</v>
      </c>
      <c r="AH33" s="456">
        <v>0</v>
      </c>
      <c r="AI33" s="456">
        <v>0</v>
      </c>
      <c r="AJ33" s="459">
        <v>0</v>
      </c>
      <c r="AK33" s="364">
        <v>27</v>
      </c>
      <c r="AL33" s="460" t="s">
        <v>173</v>
      </c>
      <c r="AM33" s="456">
        <v>0</v>
      </c>
      <c r="AN33" s="456">
        <v>0</v>
      </c>
      <c r="AO33" s="456">
        <v>0</v>
      </c>
      <c r="AP33" s="456">
        <v>0</v>
      </c>
      <c r="AQ33" s="457">
        <v>0</v>
      </c>
      <c r="AR33" s="456">
        <v>0</v>
      </c>
      <c r="AS33" s="456">
        <v>0</v>
      </c>
      <c r="AT33" s="456">
        <v>0</v>
      </c>
      <c r="AU33" s="457">
        <v>0</v>
      </c>
      <c r="AV33" s="456">
        <v>0</v>
      </c>
      <c r="AW33" s="336">
        <v>0</v>
      </c>
      <c r="AX33" s="335">
        <v>0</v>
      </c>
      <c r="AY33" s="455">
        <v>1</v>
      </c>
      <c r="AZ33" s="454" t="s">
        <v>334</v>
      </c>
      <c r="BA33" s="453">
        <v>0</v>
      </c>
      <c r="BB33" s="451">
        <v>0</v>
      </c>
      <c r="BC33" s="450">
        <v>0</v>
      </c>
      <c r="BD33" s="364">
        <v>27</v>
      </c>
      <c r="BE33" s="452" t="s">
        <v>173</v>
      </c>
      <c r="BF33" s="451">
        <v>0</v>
      </c>
      <c r="BG33" s="451">
        <v>0</v>
      </c>
      <c r="BH33" s="451">
        <v>0</v>
      </c>
      <c r="BI33" s="450">
        <v>0</v>
      </c>
    </row>
    <row r="34" spans="1:77" s="294" customFormat="1" ht="13.5" customHeight="1" x14ac:dyDescent="0.15">
      <c r="A34" s="332">
        <v>28</v>
      </c>
      <c r="B34" s="460" t="s">
        <v>171</v>
      </c>
      <c r="C34" s="456">
        <v>0</v>
      </c>
      <c r="D34" s="456">
        <v>0</v>
      </c>
      <c r="E34" s="456">
        <v>0</v>
      </c>
      <c r="F34" s="456">
        <v>2</v>
      </c>
      <c r="G34" s="456">
        <v>2</v>
      </c>
      <c r="H34" s="456">
        <v>164570</v>
      </c>
      <c r="I34" s="456">
        <v>0</v>
      </c>
      <c r="J34" s="456">
        <v>0</v>
      </c>
      <c r="K34" s="456">
        <v>0</v>
      </c>
      <c r="L34" s="325">
        <v>2</v>
      </c>
      <c r="M34" s="325">
        <v>2</v>
      </c>
      <c r="N34" s="325">
        <v>164570</v>
      </c>
      <c r="O34" s="456">
        <v>1</v>
      </c>
      <c r="P34" s="456">
        <v>1</v>
      </c>
      <c r="Q34" s="459">
        <v>14490</v>
      </c>
      <c r="R34" s="332">
        <v>28</v>
      </c>
      <c r="S34" s="460" t="s">
        <v>171</v>
      </c>
      <c r="T34" s="456">
        <v>0</v>
      </c>
      <c r="U34" s="456">
        <v>0</v>
      </c>
      <c r="V34" s="456">
        <v>0</v>
      </c>
      <c r="W34" s="456">
        <v>1</v>
      </c>
      <c r="X34" s="456">
        <v>18</v>
      </c>
      <c r="Y34" s="456">
        <v>168740</v>
      </c>
      <c r="Z34" s="325">
        <v>4</v>
      </c>
      <c r="AA34" s="325">
        <v>347800</v>
      </c>
      <c r="AB34" s="456">
        <v>0</v>
      </c>
      <c r="AC34" s="456">
        <v>0</v>
      </c>
      <c r="AD34" s="456">
        <v>0</v>
      </c>
      <c r="AE34" s="456">
        <v>0</v>
      </c>
      <c r="AF34" s="456">
        <v>0</v>
      </c>
      <c r="AG34" s="456">
        <v>0</v>
      </c>
      <c r="AH34" s="456">
        <v>0</v>
      </c>
      <c r="AI34" s="456">
        <v>0</v>
      </c>
      <c r="AJ34" s="459">
        <v>0</v>
      </c>
      <c r="AK34" s="332">
        <v>28</v>
      </c>
      <c r="AL34" s="460" t="s">
        <v>171</v>
      </c>
      <c r="AM34" s="456">
        <v>0</v>
      </c>
      <c r="AN34" s="456">
        <v>0</v>
      </c>
      <c r="AO34" s="456">
        <v>0</v>
      </c>
      <c r="AP34" s="456">
        <v>0</v>
      </c>
      <c r="AQ34" s="457">
        <v>0</v>
      </c>
      <c r="AR34" s="456">
        <v>0</v>
      </c>
      <c r="AS34" s="456">
        <v>0</v>
      </c>
      <c r="AT34" s="456">
        <v>0</v>
      </c>
      <c r="AU34" s="457">
        <v>0</v>
      </c>
      <c r="AV34" s="456">
        <v>0</v>
      </c>
      <c r="AW34" s="336">
        <v>4</v>
      </c>
      <c r="AX34" s="335">
        <v>347800</v>
      </c>
      <c r="AY34" s="455">
        <v>1</v>
      </c>
      <c r="AZ34" s="454" t="s">
        <v>334</v>
      </c>
      <c r="BA34" s="453">
        <v>243460</v>
      </c>
      <c r="BB34" s="451">
        <v>1536</v>
      </c>
      <c r="BC34" s="450">
        <v>102804</v>
      </c>
      <c r="BD34" s="364">
        <v>28</v>
      </c>
      <c r="BE34" s="452" t="s">
        <v>171</v>
      </c>
      <c r="BF34" s="451">
        <v>1</v>
      </c>
      <c r="BG34" s="451">
        <v>21558</v>
      </c>
      <c r="BH34" s="451">
        <v>0</v>
      </c>
      <c r="BI34" s="450">
        <v>0</v>
      </c>
    </row>
    <row r="35" spans="1:77" s="294" customFormat="1" ht="13.5" customHeight="1" x14ac:dyDescent="0.15">
      <c r="A35" s="332">
        <v>29</v>
      </c>
      <c r="B35" s="460" t="s">
        <v>169</v>
      </c>
      <c r="C35" s="456">
        <v>0</v>
      </c>
      <c r="D35" s="456">
        <v>0</v>
      </c>
      <c r="E35" s="456">
        <v>-2800</v>
      </c>
      <c r="F35" s="456">
        <v>1</v>
      </c>
      <c r="G35" s="456">
        <v>1</v>
      </c>
      <c r="H35" s="456">
        <v>38920</v>
      </c>
      <c r="I35" s="456">
        <v>0</v>
      </c>
      <c r="J35" s="456">
        <v>0</v>
      </c>
      <c r="K35" s="456">
        <v>0</v>
      </c>
      <c r="L35" s="325">
        <v>1</v>
      </c>
      <c r="M35" s="325">
        <v>1</v>
      </c>
      <c r="N35" s="325">
        <v>36120</v>
      </c>
      <c r="O35" s="456">
        <v>0</v>
      </c>
      <c r="P35" s="456">
        <v>0</v>
      </c>
      <c r="Q35" s="459">
        <v>0</v>
      </c>
      <c r="R35" s="332">
        <v>29</v>
      </c>
      <c r="S35" s="460" t="s">
        <v>169</v>
      </c>
      <c r="T35" s="456">
        <v>0</v>
      </c>
      <c r="U35" s="456">
        <v>0</v>
      </c>
      <c r="V35" s="456">
        <v>0</v>
      </c>
      <c r="W35" s="456">
        <v>0</v>
      </c>
      <c r="X35" s="456">
        <v>0</v>
      </c>
      <c r="Y35" s="456">
        <v>0</v>
      </c>
      <c r="Z35" s="325">
        <v>1</v>
      </c>
      <c r="AA35" s="325">
        <v>36120</v>
      </c>
      <c r="AB35" s="456">
        <v>0</v>
      </c>
      <c r="AC35" s="456">
        <v>0</v>
      </c>
      <c r="AD35" s="456">
        <v>0</v>
      </c>
      <c r="AE35" s="456">
        <v>0</v>
      </c>
      <c r="AF35" s="456">
        <v>0</v>
      </c>
      <c r="AG35" s="456">
        <v>0</v>
      </c>
      <c r="AH35" s="456">
        <v>0</v>
      </c>
      <c r="AI35" s="456">
        <v>0</v>
      </c>
      <c r="AJ35" s="459">
        <v>0</v>
      </c>
      <c r="AK35" s="332">
        <v>29</v>
      </c>
      <c r="AL35" s="460" t="s">
        <v>169</v>
      </c>
      <c r="AM35" s="456">
        <v>0</v>
      </c>
      <c r="AN35" s="456">
        <v>0</v>
      </c>
      <c r="AO35" s="456">
        <v>0</v>
      </c>
      <c r="AP35" s="456">
        <v>0</v>
      </c>
      <c r="AQ35" s="457">
        <v>0</v>
      </c>
      <c r="AR35" s="456">
        <v>0</v>
      </c>
      <c r="AS35" s="456">
        <v>0</v>
      </c>
      <c r="AT35" s="456">
        <v>0</v>
      </c>
      <c r="AU35" s="457">
        <v>0</v>
      </c>
      <c r="AV35" s="456">
        <v>0</v>
      </c>
      <c r="AW35" s="336">
        <v>1</v>
      </c>
      <c r="AX35" s="335">
        <v>36120</v>
      </c>
      <c r="AY35" s="455">
        <v>1</v>
      </c>
      <c r="AZ35" s="454" t="s">
        <v>334</v>
      </c>
      <c r="BA35" s="453">
        <v>25284</v>
      </c>
      <c r="BB35" s="451">
        <v>11046</v>
      </c>
      <c r="BC35" s="450">
        <v>-210</v>
      </c>
      <c r="BD35" s="332">
        <v>29</v>
      </c>
      <c r="BE35" s="452" t="s">
        <v>169</v>
      </c>
      <c r="BF35" s="451">
        <v>0</v>
      </c>
      <c r="BG35" s="451">
        <v>0</v>
      </c>
      <c r="BH35" s="451">
        <v>0</v>
      </c>
      <c r="BI35" s="450">
        <v>0</v>
      </c>
    </row>
    <row r="36" spans="1:77" s="294" customFormat="1" ht="13.5" customHeight="1" x14ac:dyDescent="0.15">
      <c r="A36" s="332">
        <v>30</v>
      </c>
      <c r="B36" s="460" t="s">
        <v>167</v>
      </c>
      <c r="C36" s="456">
        <v>1</v>
      </c>
      <c r="D36" s="456">
        <v>3</v>
      </c>
      <c r="E36" s="456">
        <v>111090</v>
      </c>
      <c r="F36" s="456">
        <v>33</v>
      </c>
      <c r="G36" s="456">
        <v>51</v>
      </c>
      <c r="H36" s="456">
        <v>848700</v>
      </c>
      <c r="I36" s="456">
        <v>17</v>
      </c>
      <c r="J36" s="456">
        <v>26</v>
      </c>
      <c r="K36" s="456">
        <v>165360</v>
      </c>
      <c r="L36" s="325">
        <v>51</v>
      </c>
      <c r="M36" s="325">
        <v>80</v>
      </c>
      <c r="N36" s="325">
        <v>1125150</v>
      </c>
      <c r="O36" s="456">
        <v>9</v>
      </c>
      <c r="P36" s="456">
        <v>14</v>
      </c>
      <c r="Q36" s="459">
        <v>70410</v>
      </c>
      <c r="R36" s="332">
        <v>30</v>
      </c>
      <c r="S36" s="460" t="s">
        <v>167</v>
      </c>
      <c r="T36" s="456">
        <v>1</v>
      </c>
      <c r="U36" s="456">
        <v>5</v>
      </c>
      <c r="V36" s="456">
        <v>3730</v>
      </c>
      <c r="W36" s="456">
        <v>0</v>
      </c>
      <c r="X36" s="456">
        <v>0</v>
      </c>
      <c r="Y36" s="456">
        <v>0</v>
      </c>
      <c r="Z36" s="325">
        <v>60</v>
      </c>
      <c r="AA36" s="325">
        <v>1199290</v>
      </c>
      <c r="AB36" s="456">
        <v>0</v>
      </c>
      <c r="AC36" s="456">
        <v>0</v>
      </c>
      <c r="AD36" s="456">
        <v>0</v>
      </c>
      <c r="AE36" s="456">
        <v>0</v>
      </c>
      <c r="AF36" s="456">
        <v>0</v>
      </c>
      <c r="AG36" s="456">
        <v>0</v>
      </c>
      <c r="AH36" s="456">
        <v>0</v>
      </c>
      <c r="AI36" s="456">
        <v>0</v>
      </c>
      <c r="AJ36" s="459">
        <v>0</v>
      </c>
      <c r="AK36" s="332">
        <v>30</v>
      </c>
      <c r="AL36" s="460" t="s">
        <v>167</v>
      </c>
      <c r="AM36" s="456">
        <v>0</v>
      </c>
      <c r="AN36" s="456">
        <v>0</v>
      </c>
      <c r="AO36" s="456">
        <v>0</v>
      </c>
      <c r="AP36" s="456">
        <v>0</v>
      </c>
      <c r="AQ36" s="457">
        <v>0</v>
      </c>
      <c r="AR36" s="456">
        <v>0</v>
      </c>
      <c r="AS36" s="456">
        <v>0</v>
      </c>
      <c r="AT36" s="456">
        <v>0</v>
      </c>
      <c r="AU36" s="457">
        <v>0</v>
      </c>
      <c r="AV36" s="456">
        <v>0</v>
      </c>
      <c r="AW36" s="336">
        <v>60</v>
      </c>
      <c r="AX36" s="335">
        <v>1199290</v>
      </c>
      <c r="AY36" s="455">
        <v>1</v>
      </c>
      <c r="AZ36" s="454" t="s">
        <v>334</v>
      </c>
      <c r="BA36" s="453">
        <v>839322</v>
      </c>
      <c r="BB36" s="451">
        <v>359968</v>
      </c>
      <c r="BC36" s="450">
        <v>0</v>
      </c>
      <c r="BD36" s="332">
        <v>30</v>
      </c>
      <c r="BE36" s="452" t="s">
        <v>167</v>
      </c>
      <c r="BF36" s="451">
        <v>0</v>
      </c>
      <c r="BG36" s="451">
        <v>0</v>
      </c>
      <c r="BH36" s="451">
        <v>0</v>
      </c>
      <c r="BI36" s="450">
        <v>0</v>
      </c>
    </row>
    <row r="37" spans="1:77" s="294" customFormat="1" ht="13.5" customHeight="1" x14ac:dyDescent="0.15">
      <c r="A37" s="332">
        <v>31</v>
      </c>
      <c r="B37" s="460" t="s">
        <v>165</v>
      </c>
      <c r="C37" s="456">
        <v>0</v>
      </c>
      <c r="D37" s="456">
        <v>0</v>
      </c>
      <c r="E37" s="456">
        <v>-700</v>
      </c>
      <c r="F37" s="456">
        <v>0</v>
      </c>
      <c r="G37" s="456">
        <v>0</v>
      </c>
      <c r="H37" s="456">
        <v>-4800</v>
      </c>
      <c r="I37" s="456">
        <v>0</v>
      </c>
      <c r="J37" s="456">
        <v>0</v>
      </c>
      <c r="K37" s="456">
        <v>0</v>
      </c>
      <c r="L37" s="325">
        <v>0</v>
      </c>
      <c r="M37" s="325">
        <v>0</v>
      </c>
      <c r="N37" s="325">
        <v>-5500</v>
      </c>
      <c r="O37" s="456">
        <v>0</v>
      </c>
      <c r="P37" s="456">
        <v>0</v>
      </c>
      <c r="Q37" s="459">
        <v>0</v>
      </c>
      <c r="R37" s="332">
        <v>31</v>
      </c>
      <c r="S37" s="460" t="s">
        <v>165</v>
      </c>
      <c r="T37" s="456">
        <v>0</v>
      </c>
      <c r="U37" s="456">
        <v>0</v>
      </c>
      <c r="V37" s="456">
        <v>0</v>
      </c>
      <c r="W37" s="456">
        <v>0</v>
      </c>
      <c r="X37" s="456">
        <v>0</v>
      </c>
      <c r="Y37" s="456">
        <v>0</v>
      </c>
      <c r="Z37" s="325">
        <v>0</v>
      </c>
      <c r="AA37" s="325">
        <v>-5500</v>
      </c>
      <c r="AB37" s="456">
        <v>0</v>
      </c>
      <c r="AC37" s="456">
        <v>0</v>
      </c>
      <c r="AD37" s="456">
        <v>0</v>
      </c>
      <c r="AE37" s="456">
        <v>0</v>
      </c>
      <c r="AF37" s="456">
        <v>0</v>
      </c>
      <c r="AG37" s="456">
        <v>0</v>
      </c>
      <c r="AH37" s="456">
        <v>0</v>
      </c>
      <c r="AI37" s="456">
        <v>0</v>
      </c>
      <c r="AJ37" s="459">
        <v>0</v>
      </c>
      <c r="AK37" s="332">
        <v>31</v>
      </c>
      <c r="AL37" s="460" t="s">
        <v>165</v>
      </c>
      <c r="AM37" s="456">
        <v>0</v>
      </c>
      <c r="AN37" s="456">
        <v>0</v>
      </c>
      <c r="AO37" s="456">
        <v>0</v>
      </c>
      <c r="AP37" s="456">
        <v>0</v>
      </c>
      <c r="AQ37" s="457">
        <v>0</v>
      </c>
      <c r="AR37" s="456">
        <v>0</v>
      </c>
      <c r="AS37" s="456">
        <v>0</v>
      </c>
      <c r="AT37" s="456">
        <v>0</v>
      </c>
      <c r="AU37" s="457">
        <v>0</v>
      </c>
      <c r="AV37" s="456">
        <v>0</v>
      </c>
      <c r="AW37" s="336">
        <v>0</v>
      </c>
      <c r="AX37" s="335">
        <v>-5500</v>
      </c>
      <c r="AY37" s="455">
        <v>1</v>
      </c>
      <c r="AZ37" s="454" t="s">
        <v>334</v>
      </c>
      <c r="BA37" s="453">
        <v>-3850</v>
      </c>
      <c r="BB37" s="451">
        <v>-1650</v>
      </c>
      <c r="BC37" s="450">
        <v>0</v>
      </c>
      <c r="BD37" s="332">
        <v>31</v>
      </c>
      <c r="BE37" s="452" t="s">
        <v>165</v>
      </c>
      <c r="BF37" s="451">
        <v>0</v>
      </c>
      <c r="BG37" s="451">
        <v>0</v>
      </c>
      <c r="BH37" s="451">
        <v>0</v>
      </c>
      <c r="BI37" s="450">
        <v>0</v>
      </c>
    </row>
    <row r="38" spans="1:77" s="294" customFormat="1" ht="13.5" customHeight="1" x14ac:dyDescent="0.15">
      <c r="A38" s="332">
        <v>32</v>
      </c>
      <c r="B38" s="460" t="s">
        <v>162</v>
      </c>
      <c r="C38" s="456">
        <v>0</v>
      </c>
      <c r="D38" s="456">
        <v>0</v>
      </c>
      <c r="E38" s="456">
        <v>0</v>
      </c>
      <c r="F38" s="456">
        <v>0</v>
      </c>
      <c r="G38" s="456">
        <v>0</v>
      </c>
      <c r="H38" s="456">
        <v>0</v>
      </c>
      <c r="I38" s="456">
        <v>0</v>
      </c>
      <c r="J38" s="456">
        <v>0</v>
      </c>
      <c r="K38" s="456">
        <v>-750</v>
      </c>
      <c r="L38" s="325">
        <v>0</v>
      </c>
      <c r="M38" s="325">
        <v>0</v>
      </c>
      <c r="N38" s="325">
        <v>-750</v>
      </c>
      <c r="O38" s="456">
        <v>0</v>
      </c>
      <c r="P38" s="456">
        <v>0</v>
      </c>
      <c r="Q38" s="459">
        <v>-1300</v>
      </c>
      <c r="R38" s="332">
        <v>32</v>
      </c>
      <c r="S38" s="460" t="s">
        <v>162</v>
      </c>
      <c r="T38" s="456">
        <v>0</v>
      </c>
      <c r="U38" s="456">
        <v>0</v>
      </c>
      <c r="V38" s="456">
        <v>0</v>
      </c>
      <c r="W38" s="456">
        <v>0</v>
      </c>
      <c r="X38" s="456">
        <v>0</v>
      </c>
      <c r="Y38" s="456">
        <v>0</v>
      </c>
      <c r="Z38" s="325">
        <v>0</v>
      </c>
      <c r="AA38" s="325">
        <v>-2050</v>
      </c>
      <c r="AB38" s="456">
        <v>0</v>
      </c>
      <c r="AC38" s="456">
        <v>0</v>
      </c>
      <c r="AD38" s="456">
        <v>0</v>
      </c>
      <c r="AE38" s="456">
        <v>0</v>
      </c>
      <c r="AF38" s="456">
        <v>0</v>
      </c>
      <c r="AG38" s="456">
        <v>1</v>
      </c>
      <c r="AH38" s="456">
        <v>3310</v>
      </c>
      <c r="AI38" s="456">
        <v>0</v>
      </c>
      <c r="AJ38" s="459">
        <v>0</v>
      </c>
      <c r="AK38" s="332">
        <v>32</v>
      </c>
      <c r="AL38" s="460" t="s">
        <v>162</v>
      </c>
      <c r="AM38" s="456">
        <v>0</v>
      </c>
      <c r="AN38" s="456">
        <v>0</v>
      </c>
      <c r="AO38" s="456">
        <v>0</v>
      </c>
      <c r="AP38" s="456">
        <v>0</v>
      </c>
      <c r="AQ38" s="457">
        <v>1</v>
      </c>
      <c r="AR38" s="456">
        <v>3310</v>
      </c>
      <c r="AS38" s="456">
        <v>0</v>
      </c>
      <c r="AT38" s="456">
        <v>0</v>
      </c>
      <c r="AU38" s="457">
        <v>0</v>
      </c>
      <c r="AV38" s="456">
        <v>0</v>
      </c>
      <c r="AW38" s="336">
        <v>1</v>
      </c>
      <c r="AX38" s="335">
        <v>1260</v>
      </c>
      <c r="AY38" s="455">
        <v>1</v>
      </c>
      <c r="AZ38" s="454" t="s">
        <v>334</v>
      </c>
      <c r="BA38" s="453">
        <v>882</v>
      </c>
      <c r="BB38" s="451">
        <v>843</v>
      </c>
      <c r="BC38" s="450">
        <v>-465</v>
      </c>
      <c r="BD38" s="332">
        <v>32</v>
      </c>
      <c r="BE38" s="452" t="s">
        <v>162</v>
      </c>
      <c r="BF38" s="451">
        <v>0</v>
      </c>
      <c r="BG38" s="451">
        <v>0</v>
      </c>
      <c r="BH38" s="451">
        <v>0</v>
      </c>
      <c r="BI38" s="450">
        <v>0</v>
      </c>
    </row>
    <row r="39" spans="1:77" s="294" customFormat="1" ht="13.5" customHeight="1" thickBot="1" x14ac:dyDescent="0.2">
      <c r="A39" s="332">
        <v>33</v>
      </c>
      <c r="B39" s="460" t="s">
        <v>159</v>
      </c>
      <c r="C39" s="456">
        <v>0</v>
      </c>
      <c r="D39" s="456">
        <v>0</v>
      </c>
      <c r="E39" s="456">
        <v>0</v>
      </c>
      <c r="F39" s="456">
        <v>0</v>
      </c>
      <c r="G39" s="456">
        <v>0</v>
      </c>
      <c r="H39" s="456">
        <v>0</v>
      </c>
      <c r="I39" s="456">
        <v>0</v>
      </c>
      <c r="J39" s="456">
        <v>0</v>
      </c>
      <c r="K39" s="456">
        <v>0</v>
      </c>
      <c r="L39" s="325">
        <v>0</v>
      </c>
      <c r="M39" s="325">
        <v>0</v>
      </c>
      <c r="N39" s="325">
        <v>0</v>
      </c>
      <c r="O39" s="456">
        <v>0</v>
      </c>
      <c r="P39" s="456">
        <v>0</v>
      </c>
      <c r="Q39" s="459">
        <v>0</v>
      </c>
      <c r="R39" s="332">
        <v>33</v>
      </c>
      <c r="S39" s="460" t="s">
        <v>159</v>
      </c>
      <c r="T39" s="456">
        <v>0</v>
      </c>
      <c r="U39" s="456">
        <v>0</v>
      </c>
      <c r="V39" s="456">
        <v>0</v>
      </c>
      <c r="W39" s="456">
        <v>0</v>
      </c>
      <c r="X39" s="456">
        <v>0</v>
      </c>
      <c r="Y39" s="456">
        <v>0</v>
      </c>
      <c r="Z39" s="325">
        <v>0</v>
      </c>
      <c r="AA39" s="325">
        <v>0</v>
      </c>
      <c r="AB39" s="456">
        <v>0</v>
      </c>
      <c r="AC39" s="456">
        <v>0</v>
      </c>
      <c r="AD39" s="456">
        <v>0</v>
      </c>
      <c r="AE39" s="456">
        <v>0</v>
      </c>
      <c r="AF39" s="456">
        <v>0</v>
      </c>
      <c r="AG39" s="456">
        <v>0</v>
      </c>
      <c r="AH39" s="456">
        <v>0</v>
      </c>
      <c r="AI39" s="456">
        <v>0</v>
      </c>
      <c r="AJ39" s="459">
        <v>0</v>
      </c>
      <c r="AK39" s="332">
        <v>33</v>
      </c>
      <c r="AL39" s="458" t="s">
        <v>159</v>
      </c>
      <c r="AM39" s="456">
        <v>0</v>
      </c>
      <c r="AN39" s="456">
        <v>0</v>
      </c>
      <c r="AO39" s="456">
        <v>0</v>
      </c>
      <c r="AP39" s="456">
        <v>0</v>
      </c>
      <c r="AQ39" s="457">
        <v>0</v>
      </c>
      <c r="AR39" s="456">
        <v>0</v>
      </c>
      <c r="AS39" s="456">
        <v>0</v>
      </c>
      <c r="AT39" s="456">
        <v>0</v>
      </c>
      <c r="AU39" s="457">
        <v>0</v>
      </c>
      <c r="AV39" s="456">
        <v>0</v>
      </c>
      <c r="AW39" s="336">
        <v>0</v>
      </c>
      <c r="AX39" s="382">
        <v>0</v>
      </c>
      <c r="AY39" s="455">
        <v>1</v>
      </c>
      <c r="AZ39" s="454" t="s">
        <v>334</v>
      </c>
      <c r="BA39" s="453">
        <v>0</v>
      </c>
      <c r="BB39" s="451">
        <v>0</v>
      </c>
      <c r="BC39" s="450">
        <v>0</v>
      </c>
      <c r="BD39" s="332">
        <v>33</v>
      </c>
      <c r="BE39" s="452" t="s">
        <v>159</v>
      </c>
      <c r="BF39" s="451">
        <v>0</v>
      </c>
      <c r="BG39" s="451">
        <v>0</v>
      </c>
      <c r="BH39" s="451">
        <v>0</v>
      </c>
      <c r="BI39" s="450">
        <v>0</v>
      </c>
    </row>
    <row r="40" spans="1:77" s="294" customFormat="1" ht="13.5" customHeight="1" thickTop="1" thickBot="1" x14ac:dyDescent="0.2">
      <c r="A40" s="1079" t="s">
        <v>261</v>
      </c>
      <c r="B40" s="1086"/>
      <c r="C40" s="303">
        <v>13</v>
      </c>
      <c r="D40" s="303">
        <v>393</v>
      </c>
      <c r="E40" s="303">
        <v>12296291</v>
      </c>
      <c r="F40" s="303">
        <v>223</v>
      </c>
      <c r="G40" s="303">
        <v>375</v>
      </c>
      <c r="H40" s="303">
        <v>2856818</v>
      </c>
      <c r="I40" s="303">
        <v>71</v>
      </c>
      <c r="J40" s="303">
        <v>149</v>
      </c>
      <c r="K40" s="303">
        <v>1054440</v>
      </c>
      <c r="L40" s="303">
        <v>307</v>
      </c>
      <c r="M40" s="303">
        <v>917</v>
      </c>
      <c r="N40" s="303">
        <v>16207549</v>
      </c>
      <c r="O40" s="303">
        <v>178</v>
      </c>
      <c r="P40" s="303">
        <v>216</v>
      </c>
      <c r="Q40" s="301">
        <v>2475465</v>
      </c>
      <c r="R40" s="1079" t="s">
        <v>261</v>
      </c>
      <c r="S40" s="1086"/>
      <c r="T40" s="303">
        <v>14</v>
      </c>
      <c r="U40" s="303">
        <v>1146</v>
      </c>
      <c r="V40" s="303">
        <v>661164</v>
      </c>
      <c r="W40" s="303">
        <v>-1</v>
      </c>
      <c r="X40" s="303">
        <v>46</v>
      </c>
      <c r="Y40" s="303">
        <v>614480</v>
      </c>
      <c r="Z40" s="303">
        <v>484</v>
      </c>
      <c r="AA40" s="303">
        <v>19958658</v>
      </c>
      <c r="AB40" s="303">
        <v>2</v>
      </c>
      <c r="AC40" s="303">
        <v>3</v>
      </c>
      <c r="AD40" s="303">
        <v>18180</v>
      </c>
      <c r="AE40" s="303">
        <v>1</v>
      </c>
      <c r="AF40" s="303">
        <v>45064</v>
      </c>
      <c r="AG40" s="303">
        <v>39</v>
      </c>
      <c r="AH40" s="303">
        <v>318377</v>
      </c>
      <c r="AI40" s="303">
        <v>4</v>
      </c>
      <c r="AJ40" s="301">
        <v>179710</v>
      </c>
      <c r="AK40" s="1104" t="s">
        <v>261</v>
      </c>
      <c r="AL40" s="1105"/>
      <c r="AM40" s="303">
        <v>-9</v>
      </c>
      <c r="AN40" s="303">
        <v>-423210</v>
      </c>
      <c r="AO40" s="303">
        <v>0</v>
      </c>
      <c r="AP40" s="303">
        <v>0</v>
      </c>
      <c r="AQ40" s="303">
        <v>38</v>
      </c>
      <c r="AR40" s="303">
        <v>138121</v>
      </c>
      <c r="AS40" s="303">
        <v>0</v>
      </c>
      <c r="AT40" s="303">
        <v>0</v>
      </c>
      <c r="AU40" s="303">
        <v>0</v>
      </c>
      <c r="AV40" s="303">
        <v>0</v>
      </c>
      <c r="AW40" s="303">
        <v>524</v>
      </c>
      <c r="AX40" s="449">
        <v>20096779</v>
      </c>
      <c r="AY40" s="303">
        <v>33</v>
      </c>
      <c r="AZ40" s="303">
        <v>0</v>
      </c>
      <c r="BA40" s="303">
        <v>14070046</v>
      </c>
      <c r="BB40" s="303">
        <v>4723000</v>
      </c>
      <c r="BC40" s="301">
        <v>1303733</v>
      </c>
      <c r="BD40" s="1079" t="s">
        <v>261</v>
      </c>
      <c r="BE40" s="1080"/>
      <c r="BF40" s="448">
        <v>36</v>
      </c>
      <c r="BG40" s="448">
        <v>4515037</v>
      </c>
      <c r="BH40" s="448">
        <v>3</v>
      </c>
      <c r="BI40" s="301">
        <v>42829</v>
      </c>
    </row>
    <row r="41" spans="1:77" s="512" customFormat="1" ht="13.5" customHeight="1" thickTop="1" x14ac:dyDescent="0.15">
      <c r="A41" s="332">
        <v>301</v>
      </c>
      <c r="B41" s="341" t="s">
        <v>259</v>
      </c>
      <c r="C41" s="446" t="s">
        <v>322</v>
      </c>
      <c r="D41" s="446" t="s">
        <v>322</v>
      </c>
      <c r="E41" s="446" t="s">
        <v>322</v>
      </c>
      <c r="F41" s="446" t="s">
        <v>322</v>
      </c>
      <c r="G41" s="446" t="s">
        <v>323</v>
      </c>
      <c r="H41" s="446" t="s">
        <v>322</v>
      </c>
      <c r="I41" s="446" t="s">
        <v>322</v>
      </c>
      <c r="J41" s="446" t="s">
        <v>322</v>
      </c>
      <c r="K41" s="446" t="s">
        <v>322</v>
      </c>
      <c r="L41" s="446" t="s">
        <v>322</v>
      </c>
      <c r="M41" s="446" t="s">
        <v>322</v>
      </c>
      <c r="N41" s="446" t="s">
        <v>322</v>
      </c>
      <c r="O41" s="446" t="s">
        <v>322</v>
      </c>
      <c r="P41" s="446" t="s">
        <v>323</v>
      </c>
      <c r="Q41" s="442" t="s">
        <v>322</v>
      </c>
      <c r="R41" s="332">
        <v>301</v>
      </c>
      <c r="S41" s="341" t="s">
        <v>259</v>
      </c>
      <c r="T41" s="446" t="s">
        <v>322</v>
      </c>
      <c r="U41" s="446" t="s">
        <v>322</v>
      </c>
      <c r="V41" s="446" t="s">
        <v>322</v>
      </c>
      <c r="W41" s="446" t="s">
        <v>322</v>
      </c>
      <c r="X41" s="446" t="s">
        <v>322</v>
      </c>
      <c r="Y41" s="446" t="s">
        <v>322</v>
      </c>
      <c r="Z41" s="446" t="s">
        <v>330</v>
      </c>
      <c r="AA41" s="446" t="s">
        <v>322</v>
      </c>
      <c r="AB41" s="446" t="s">
        <v>323</v>
      </c>
      <c r="AC41" s="446" t="s">
        <v>322</v>
      </c>
      <c r="AD41" s="446" t="s">
        <v>322</v>
      </c>
      <c r="AE41" s="446" t="s">
        <v>326</v>
      </c>
      <c r="AF41" s="446" t="s">
        <v>326</v>
      </c>
      <c r="AG41" s="446" t="s">
        <v>326</v>
      </c>
      <c r="AH41" s="446" t="s">
        <v>326</v>
      </c>
      <c r="AI41" s="446" t="s">
        <v>326</v>
      </c>
      <c r="AJ41" s="442" t="s">
        <v>326</v>
      </c>
      <c r="AK41" s="332">
        <v>301</v>
      </c>
      <c r="AL41" s="341" t="s">
        <v>259</v>
      </c>
      <c r="AM41" s="446" t="s">
        <v>326</v>
      </c>
      <c r="AN41" s="446" t="s">
        <v>326</v>
      </c>
      <c r="AO41" s="446" t="s">
        <v>326</v>
      </c>
      <c r="AP41" s="446" t="s">
        <v>326</v>
      </c>
      <c r="AQ41" s="443" t="s">
        <v>326</v>
      </c>
      <c r="AR41" s="446" t="s">
        <v>326</v>
      </c>
      <c r="AS41" s="446" t="s">
        <v>326</v>
      </c>
      <c r="AT41" s="446" t="s">
        <v>326</v>
      </c>
      <c r="AU41" s="443" t="s">
        <v>326</v>
      </c>
      <c r="AV41" s="446" t="s">
        <v>326</v>
      </c>
      <c r="AW41" s="446" t="s">
        <v>322</v>
      </c>
      <c r="AX41" s="443" t="s">
        <v>322</v>
      </c>
      <c r="AY41" s="447" t="s">
        <v>322</v>
      </c>
      <c r="AZ41" s="446" t="s">
        <v>322</v>
      </c>
      <c r="BA41" s="445" t="s">
        <v>322</v>
      </c>
      <c r="BB41" s="443" t="s">
        <v>322</v>
      </c>
      <c r="BC41" s="442" t="s">
        <v>322</v>
      </c>
      <c r="BD41" s="332">
        <v>301</v>
      </c>
      <c r="BE41" s="444" t="s">
        <v>259</v>
      </c>
      <c r="BF41" s="443" t="s">
        <v>322</v>
      </c>
      <c r="BG41" s="443" t="s">
        <v>322</v>
      </c>
      <c r="BH41" s="443" t="s">
        <v>322</v>
      </c>
      <c r="BI41" s="442" t="s">
        <v>323</v>
      </c>
    </row>
    <row r="42" spans="1:77" s="512" customFormat="1" ht="13.5" customHeight="1" x14ac:dyDescent="0.15">
      <c r="A42" s="332">
        <v>302</v>
      </c>
      <c r="B42" s="331" t="s">
        <v>333</v>
      </c>
      <c r="C42" s="440" t="s">
        <v>322</v>
      </c>
      <c r="D42" s="440" t="s">
        <v>322</v>
      </c>
      <c r="E42" s="440" t="s">
        <v>322</v>
      </c>
      <c r="F42" s="440" t="s">
        <v>322</v>
      </c>
      <c r="G42" s="440" t="s">
        <v>322</v>
      </c>
      <c r="H42" s="440" t="s">
        <v>322</v>
      </c>
      <c r="I42" s="440" t="s">
        <v>322</v>
      </c>
      <c r="J42" s="440" t="s">
        <v>330</v>
      </c>
      <c r="K42" s="440" t="s">
        <v>322</v>
      </c>
      <c r="L42" s="440" t="s">
        <v>323</v>
      </c>
      <c r="M42" s="440" t="s">
        <v>322</v>
      </c>
      <c r="N42" s="440" t="s">
        <v>322</v>
      </c>
      <c r="O42" s="440" t="s">
        <v>323</v>
      </c>
      <c r="P42" s="440" t="s">
        <v>322</v>
      </c>
      <c r="Q42" s="436" t="s">
        <v>322</v>
      </c>
      <c r="R42" s="332">
        <v>302</v>
      </c>
      <c r="S42" s="331" t="s">
        <v>257</v>
      </c>
      <c r="T42" s="440" t="s">
        <v>322</v>
      </c>
      <c r="U42" s="440" t="s">
        <v>322</v>
      </c>
      <c r="V42" s="440" t="s">
        <v>330</v>
      </c>
      <c r="W42" s="440" t="s">
        <v>322</v>
      </c>
      <c r="X42" s="440" t="s">
        <v>322</v>
      </c>
      <c r="Y42" s="440" t="s">
        <v>325</v>
      </c>
      <c r="Z42" s="440" t="s">
        <v>323</v>
      </c>
      <c r="AA42" s="440" t="s">
        <v>322</v>
      </c>
      <c r="AB42" s="440" t="s">
        <v>322</v>
      </c>
      <c r="AC42" s="440" t="s">
        <v>323</v>
      </c>
      <c r="AD42" s="440" t="s">
        <v>322</v>
      </c>
      <c r="AE42" s="440" t="s">
        <v>326</v>
      </c>
      <c r="AF42" s="440" t="s">
        <v>326</v>
      </c>
      <c r="AG42" s="440" t="s">
        <v>326</v>
      </c>
      <c r="AH42" s="440" t="s">
        <v>326</v>
      </c>
      <c r="AI42" s="440" t="s">
        <v>326</v>
      </c>
      <c r="AJ42" s="436" t="s">
        <v>326</v>
      </c>
      <c r="AK42" s="332">
        <v>302</v>
      </c>
      <c r="AL42" s="331" t="s">
        <v>257</v>
      </c>
      <c r="AM42" s="440" t="s">
        <v>326</v>
      </c>
      <c r="AN42" s="440" t="s">
        <v>326</v>
      </c>
      <c r="AO42" s="440" t="s">
        <v>326</v>
      </c>
      <c r="AP42" s="440" t="s">
        <v>326</v>
      </c>
      <c r="AQ42" s="437" t="s">
        <v>326</v>
      </c>
      <c r="AR42" s="440" t="s">
        <v>326</v>
      </c>
      <c r="AS42" s="440" t="s">
        <v>326</v>
      </c>
      <c r="AT42" s="440" t="s">
        <v>326</v>
      </c>
      <c r="AU42" s="437" t="s">
        <v>326</v>
      </c>
      <c r="AV42" s="440" t="s">
        <v>326</v>
      </c>
      <c r="AW42" s="440" t="s">
        <v>322</v>
      </c>
      <c r="AX42" s="437" t="s">
        <v>322</v>
      </c>
      <c r="AY42" s="441" t="s">
        <v>322</v>
      </c>
      <c r="AZ42" s="440" t="s">
        <v>322</v>
      </c>
      <c r="BA42" s="439" t="s">
        <v>322</v>
      </c>
      <c r="BB42" s="437" t="s">
        <v>322</v>
      </c>
      <c r="BC42" s="436" t="s">
        <v>330</v>
      </c>
      <c r="BD42" s="332">
        <v>302</v>
      </c>
      <c r="BE42" s="438" t="s">
        <v>257</v>
      </c>
      <c r="BF42" s="437" t="s">
        <v>322</v>
      </c>
      <c r="BG42" s="437" t="s">
        <v>322</v>
      </c>
      <c r="BH42" s="437" t="s">
        <v>330</v>
      </c>
      <c r="BI42" s="436" t="s">
        <v>322</v>
      </c>
    </row>
    <row r="43" spans="1:77" s="512" customFormat="1" ht="13.5" customHeight="1" x14ac:dyDescent="0.15">
      <c r="A43" s="332">
        <v>303</v>
      </c>
      <c r="B43" s="331" t="s">
        <v>255</v>
      </c>
      <c r="C43" s="440" t="s">
        <v>323</v>
      </c>
      <c r="D43" s="440" t="s">
        <v>322</v>
      </c>
      <c r="E43" s="440" t="s">
        <v>323</v>
      </c>
      <c r="F43" s="440" t="s">
        <v>322</v>
      </c>
      <c r="G43" s="440" t="s">
        <v>328</v>
      </c>
      <c r="H43" s="440" t="s">
        <v>322</v>
      </c>
      <c r="I43" s="440" t="s">
        <v>322</v>
      </c>
      <c r="J43" s="440" t="s">
        <v>323</v>
      </c>
      <c r="K43" s="440" t="s">
        <v>322</v>
      </c>
      <c r="L43" s="440" t="s">
        <v>322</v>
      </c>
      <c r="M43" s="440" t="s">
        <v>322</v>
      </c>
      <c r="N43" s="440" t="s">
        <v>322</v>
      </c>
      <c r="O43" s="440" t="s">
        <v>330</v>
      </c>
      <c r="P43" s="440" t="s">
        <v>322</v>
      </c>
      <c r="Q43" s="436" t="s">
        <v>325</v>
      </c>
      <c r="R43" s="332">
        <v>303</v>
      </c>
      <c r="S43" s="331" t="s">
        <v>255</v>
      </c>
      <c r="T43" s="440" t="s">
        <v>322</v>
      </c>
      <c r="U43" s="440" t="s">
        <v>322</v>
      </c>
      <c r="V43" s="440" t="s">
        <v>322</v>
      </c>
      <c r="W43" s="440" t="s">
        <v>322</v>
      </c>
      <c r="X43" s="440" t="s">
        <v>323</v>
      </c>
      <c r="Y43" s="440" t="s">
        <v>323</v>
      </c>
      <c r="Z43" s="440" t="s">
        <v>322</v>
      </c>
      <c r="AA43" s="440" t="s">
        <v>322</v>
      </c>
      <c r="AB43" s="440" t="s">
        <v>328</v>
      </c>
      <c r="AC43" s="440" t="s">
        <v>322</v>
      </c>
      <c r="AD43" s="440" t="s">
        <v>322</v>
      </c>
      <c r="AE43" s="440" t="s">
        <v>326</v>
      </c>
      <c r="AF43" s="440" t="s">
        <v>326</v>
      </c>
      <c r="AG43" s="440" t="s">
        <v>326</v>
      </c>
      <c r="AH43" s="440" t="s">
        <v>326</v>
      </c>
      <c r="AI43" s="440" t="s">
        <v>326</v>
      </c>
      <c r="AJ43" s="436" t="s">
        <v>326</v>
      </c>
      <c r="AK43" s="332">
        <v>303</v>
      </c>
      <c r="AL43" s="331" t="s">
        <v>255</v>
      </c>
      <c r="AM43" s="440" t="s">
        <v>326</v>
      </c>
      <c r="AN43" s="440" t="s">
        <v>326</v>
      </c>
      <c r="AO43" s="440" t="s">
        <v>326</v>
      </c>
      <c r="AP43" s="440" t="s">
        <v>326</v>
      </c>
      <c r="AQ43" s="437" t="s">
        <v>326</v>
      </c>
      <c r="AR43" s="440" t="s">
        <v>326</v>
      </c>
      <c r="AS43" s="440" t="s">
        <v>326</v>
      </c>
      <c r="AT43" s="440" t="s">
        <v>326</v>
      </c>
      <c r="AU43" s="437" t="s">
        <v>326</v>
      </c>
      <c r="AV43" s="440" t="s">
        <v>326</v>
      </c>
      <c r="AW43" s="440" t="s">
        <v>323</v>
      </c>
      <c r="AX43" s="437" t="s">
        <v>322</v>
      </c>
      <c r="AY43" s="441" t="s">
        <v>322</v>
      </c>
      <c r="AZ43" s="440" t="s">
        <v>322</v>
      </c>
      <c r="BA43" s="439" t="s">
        <v>322</v>
      </c>
      <c r="BB43" s="437" t="s">
        <v>323</v>
      </c>
      <c r="BC43" s="436" t="s">
        <v>322</v>
      </c>
      <c r="BD43" s="332">
        <v>303</v>
      </c>
      <c r="BE43" s="438" t="s">
        <v>255</v>
      </c>
      <c r="BF43" s="437" t="s">
        <v>325</v>
      </c>
      <c r="BG43" s="437" t="s">
        <v>322</v>
      </c>
      <c r="BH43" s="437" t="s">
        <v>323</v>
      </c>
      <c r="BI43" s="436" t="s">
        <v>325</v>
      </c>
    </row>
    <row r="44" spans="1:77" s="512" customFormat="1" ht="13.5" customHeight="1" x14ac:dyDescent="0.15">
      <c r="A44" s="332">
        <v>304</v>
      </c>
      <c r="B44" s="331" t="s">
        <v>253</v>
      </c>
      <c r="C44" s="440" t="s">
        <v>322</v>
      </c>
      <c r="D44" s="440" t="s">
        <v>323</v>
      </c>
      <c r="E44" s="440" t="s">
        <v>322</v>
      </c>
      <c r="F44" s="440" t="s">
        <v>322</v>
      </c>
      <c r="G44" s="440" t="s">
        <v>325</v>
      </c>
      <c r="H44" s="440" t="s">
        <v>322</v>
      </c>
      <c r="I44" s="440" t="s">
        <v>323</v>
      </c>
      <c r="J44" s="440" t="s">
        <v>325</v>
      </c>
      <c r="K44" s="440" t="s">
        <v>322</v>
      </c>
      <c r="L44" s="440" t="s">
        <v>322</v>
      </c>
      <c r="M44" s="440" t="s">
        <v>322</v>
      </c>
      <c r="N44" s="440" t="s">
        <v>322</v>
      </c>
      <c r="O44" s="440" t="s">
        <v>322</v>
      </c>
      <c r="P44" s="440" t="s">
        <v>322</v>
      </c>
      <c r="Q44" s="436" t="s">
        <v>322</v>
      </c>
      <c r="R44" s="332">
        <v>304</v>
      </c>
      <c r="S44" s="331" t="s">
        <v>253</v>
      </c>
      <c r="T44" s="440" t="s">
        <v>322</v>
      </c>
      <c r="U44" s="440" t="s">
        <v>322</v>
      </c>
      <c r="V44" s="440" t="s">
        <v>322</v>
      </c>
      <c r="W44" s="440" t="s">
        <v>328</v>
      </c>
      <c r="X44" s="440" t="s">
        <v>330</v>
      </c>
      <c r="Y44" s="440" t="s">
        <v>322</v>
      </c>
      <c r="Z44" s="440" t="s">
        <v>330</v>
      </c>
      <c r="AA44" s="440" t="s">
        <v>322</v>
      </c>
      <c r="AB44" s="440" t="s">
        <v>323</v>
      </c>
      <c r="AC44" s="440" t="s">
        <v>322</v>
      </c>
      <c r="AD44" s="440" t="s">
        <v>323</v>
      </c>
      <c r="AE44" s="440" t="s">
        <v>326</v>
      </c>
      <c r="AF44" s="440" t="s">
        <v>326</v>
      </c>
      <c r="AG44" s="440" t="s">
        <v>326</v>
      </c>
      <c r="AH44" s="440" t="s">
        <v>326</v>
      </c>
      <c r="AI44" s="440" t="s">
        <v>326</v>
      </c>
      <c r="AJ44" s="436" t="s">
        <v>326</v>
      </c>
      <c r="AK44" s="332">
        <v>304</v>
      </c>
      <c r="AL44" s="331" t="s">
        <v>253</v>
      </c>
      <c r="AM44" s="440" t="s">
        <v>326</v>
      </c>
      <c r="AN44" s="440" t="s">
        <v>326</v>
      </c>
      <c r="AO44" s="440" t="s">
        <v>326</v>
      </c>
      <c r="AP44" s="440" t="s">
        <v>326</v>
      </c>
      <c r="AQ44" s="437" t="s">
        <v>326</v>
      </c>
      <c r="AR44" s="440" t="s">
        <v>326</v>
      </c>
      <c r="AS44" s="440" t="s">
        <v>326</v>
      </c>
      <c r="AT44" s="440" t="s">
        <v>326</v>
      </c>
      <c r="AU44" s="437" t="s">
        <v>326</v>
      </c>
      <c r="AV44" s="440" t="s">
        <v>326</v>
      </c>
      <c r="AW44" s="440" t="s">
        <v>328</v>
      </c>
      <c r="AX44" s="437" t="s">
        <v>322</v>
      </c>
      <c r="AY44" s="441" t="s">
        <v>322</v>
      </c>
      <c r="AZ44" s="440" t="s">
        <v>323</v>
      </c>
      <c r="BA44" s="439" t="s">
        <v>322</v>
      </c>
      <c r="BB44" s="437" t="s">
        <v>322</v>
      </c>
      <c r="BC44" s="436" t="s">
        <v>322</v>
      </c>
      <c r="BD44" s="332">
        <v>304</v>
      </c>
      <c r="BE44" s="438" t="s">
        <v>253</v>
      </c>
      <c r="BF44" s="437" t="s">
        <v>330</v>
      </c>
      <c r="BG44" s="437" t="s">
        <v>322</v>
      </c>
      <c r="BH44" s="437" t="s">
        <v>325</v>
      </c>
      <c r="BI44" s="436" t="s">
        <v>322</v>
      </c>
    </row>
    <row r="45" spans="1:77" s="512" customFormat="1" ht="13.5" customHeight="1" x14ac:dyDescent="0.15">
      <c r="A45" s="332">
        <v>305</v>
      </c>
      <c r="B45" s="331" t="s">
        <v>251</v>
      </c>
      <c r="C45" s="440" t="s">
        <v>322</v>
      </c>
      <c r="D45" s="440" t="s">
        <v>328</v>
      </c>
      <c r="E45" s="440" t="s">
        <v>322</v>
      </c>
      <c r="F45" s="440" t="s">
        <v>322</v>
      </c>
      <c r="G45" s="440" t="s">
        <v>322</v>
      </c>
      <c r="H45" s="440" t="s">
        <v>323</v>
      </c>
      <c r="I45" s="440" t="s">
        <v>322</v>
      </c>
      <c r="J45" s="440" t="s">
        <v>322</v>
      </c>
      <c r="K45" s="440" t="s">
        <v>322</v>
      </c>
      <c r="L45" s="440" t="s">
        <v>322</v>
      </c>
      <c r="M45" s="440" t="s">
        <v>323</v>
      </c>
      <c r="N45" s="440" t="s">
        <v>322</v>
      </c>
      <c r="O45" s="440" t="s">
        <v>322</v>
      </c>
      <c r="P45" s="440" t="s">
        <v>325</v>
      </c>
      <c r="Q45" s="436" t="s">
        <v>322</v>
      </c>
      <c r="R45" s="332">
        <v>305</v>
      </c>
      <c r="S45" s="331" t="s">
        <v>332</v>
      </c>
      <c r="T45" s="440" t="s">
        <v>325</v>
      </c>
      <c r="U45" s="440" t="s">
        <v>322</v>
      </c>
      <c r="V45" s="440" t="s">
        <v>322</v>
      </c>
      <c r="W45" s="440" t="s">
        <v>322</v>
      </c>
      <c r="X45" s="440" t="s">
        <v>322</v>
      </c>
      <c r="Y45" s="440" t="s">
        <v>322</v>
      </c>
      <c r="Z45" s="440" t="s">
        <v>322</v>
      </c>
      <c r="AA45" s="440" t="s">
        <v>322</v>
      </c>
      <c r="AB45" s="440" t="s">
        <v>322</v>
      </c>
      <c r="AC45" s="440" t="s">
        <v>322</v>
      </c>
      <c r="AD45" s="440" t="s">
        <v>322</v>
      </c>
      <c r="AE45" s="440" t="s">
        <v>326</v>
      </c>
      <c r="AF45" s="440" t="s">
        <v>326</v>
      </c>
      <c r="AG45" s="440" t="s">
        <v>326</v>
      </c>
      <c r="AH45" s="440" t="s">
        <v>326</v>
      </c>
      <c r="AI45" s="440" t="s">
        <v>326</v>
      </c>
      <c r="AJ45" s="436" t="s">
        <v>326</v>
      </c>
      <c r="AK45" s="332">
        <v>305</v>
      </c>
      <c r="AL45" s="331" t="s">
        <v>251</v>
      </c>
      <c r="AM45" s="440" t="s">
        <v>326</v>
      </c>
      <c r="AN45" s="440" t="s">
        <v>326</v>
      </c>
      <c r="AO45" s="440" t="s">
        <v>326</v>
      </c>
      <c r="AP45" s="440" t="s">
        <v>326</v>
      </c>
      <c r="AQ45" s="437" t="s">
        <v>326</v>
      </c>
      <c r="AR45" s="440" t="s">
        <v>326</v>
      </c>
      <c r="AS45" s="440" t="s">
        <v>326</v>
      </c>
      <c r="AT45" s="440" t="s">
        <v>326</v>
      </c>
      <c r="AU45" s="437" t="s">
        <v>326</v>
      </c>
      <c r="AV45" s="440" t="s">
        <v>326</v>
      </c>
      <c r="AW45" s="440" t="s">
        <v>328</v>
      </c>
      <c r="AX45" s="437" t="s">
        <v>330</v>
      </c>
      <c r="AY45" s="441" t="s">
        <v>322</v>
      </c>
      <c r="AZ45" s="440" t="s">
        <v>322</v>
      </c>
      <c r="BA45" s="439" t="s">
        <v>322</v>
      </c>
      <c r="BB45" s="437" t="s">
        <v>322</v>
      </c>
      <c r="BC45" s="436" t="s">
        <v>322</v>
      </c>
      <c r="BD45" s="332">
        <v>305</v>
      </c>
      <c r="BE45" s="438" t="s">
        <v>251</v>
      </c>
      <c r="BF45" s="437" t="s">
        <v>322</v>
      </c>
      <c r="BG45" s="437" t="s">
        <v>322</v>
      </c>
      <c r="BH45" s="437" t="s">
        <v>322</v>
      </c>
      <c r="BI45" s="436" t="s">
        <v>323</v>
      </c>
    </row>
    <row r="46" spans="1:77" s="512" customFormat="1" ht="13.5" customHeight="1" thickBot="1" x14ac:dyDescent="0.2">
      <c r="A46" s="312">
        <v>306</v>
      </c>
      <c r="B46" s="311" t="s">
        <v>249</v>
      </c>
      <c r="C46" s="432" t="s">
        <v>322</v>
      </c>
      <c r="D46" s="432" t="s">
        <v>322</v>
      </c>
      <c r="E46" s="432" t="s">
        <v>322</v>
      </c>
      <c r="F46" s="432" t="s">
        <v>330</v>
      </c>
      <c r="G46" s="432" t="s">
        <v>322</v>
      </c>
      <c r="H46" s="432" t="s">
        <v>322</v>
      </c>
      <c r="I46" s="432" t="s">
        <v>322</v>
      </c>
      <c r="J46" s="432" t="s">
        <v>330</v>
      </c>
      <c r="K46" s="432" t="s">
        <v>322</v>
      </c>
      <c r="L46" s="432" t="s">
        <v>322</v>
      </c>
      <c r="M46" s="432" t="s">
        <v>322</v>
      </c>
      <c r="N46" s="432" t="s">
        <v>322</v>
      </c>
      <c r="O46" s="432" t="s">
        <v>322</v>
      </c>
      <c r="P46" s="432" t="s">
        <v>323</v>
      </c>
      <c r="Q46" s="424" t="s">
        <v>322</v>
      </c>
      <c r="R46" s="312">
        <v>306</v>
      </c>
      <c r="S46" s="311" t="s">
        <v>249</v>
      </c>
      <c r="T46" s="432" t="s">
        <v>322</v>
      </c>
      <c r="U46" s="432" t="s">
        <v>322</v>
      </c>
      <c r="V46" s="432" t="s">
        <v>322</v>
      </c>
      <c r="W46" s="432" t="s">
        <v>322</v>
      </c>
      <c r="X46" s="432" t="s">
        <v>322</v>
      </c>
      <c r="Y46" s="432" t="s">
        <v>322</v>
      </c>
      <c r="Z46" s="432" t="s">
        <v>328</v>
      </c>
      <c r="AA46" s="432" t="s">
        <v>330</v>
      </c>
      <c r="AB46" s="432" t="s">
        <v>322</v>
      </c>
      <c r="AC46" s="432" t="s">
        <v>322</v>
      </c>
      <c r="AD46" s="432" t="s">
        <v>322</v>
      </c>
      <c r="AE46" s="432" t="s">
        <v>326</v>
      </c>
      <c r="AF46" s="432" t="s">
        <v>326</v>
      </c>
      <c r="AG46" s="432" t="s">
        <v>326</v>
      </c>
      <c r="AH46" s="432" t="s">
        <v>326</v>
      </c>
      <c r="AI46" s="432" t="s">
        <v>326</v>
      </c>
      <c r="AJ46" s="424" t="s">
        <v>326</v>
      </c>
      <c r="AK46" s="312">
        <v>306</v>
      </c>
      <c r="AL46" s="311" t="s">
        <v>249</v>
      </c>
      <c r="AM46" s="432" t="s">
        <v>326</v>
      </c>
      <c r="AN46" s="432" t="s">
        <v>326</v>
      </c>
      <c r="AO46" s="432" t="s">
        <v>326</v>
      </c>
      <c r="AP46" s="432" t="s">
        <v>326</v>
      </c>
      <c r="AQ46" s="425" t="s">
        <v>326</v>
      </c>
      <c r="AR46" s="432" t="s">
        <v>326</v>
      </c>
      <c r="AS46" s="432" t="s">
        <v>326</v>
      </c>
      <c r="AT46" s="432" t="s">
        <v>326</v>
      </c>
      <c r="AU46" s="425" t="s">
        <v>326</v>
      </c>
      <c r="AV46" s="432" t="s">
        <v>326</v>
      </c>
      <c r="AW46" s="432" t="s">
        <v>322</v>
      </c>
      <c r="AX46" s="425" t="s">
        <v>322</v>
      </c>
      <c r="AY46" s="435" t="s">
        <v>322</v>
      </c>
      <c r="AZ46" s="432" t="s">
        <v>322</v>
      </c>
      <c r="BA46" s="434" t="s">
        <v>322</v>
      </c>
      <c r="BB46" s="425" t="s">
        <v>330</v>
      </c>
      <c r="BC46" s="424" t="s">
        <v>322</v>
      </c>
      <c r="BD46" s="312">
        <v>306</v>
      </c>
      <c r="BE46" s="433" t="s">
        <v>331</v>
      </c>
      <c r="BF46" s="425" t="s">
        <v>330</v>
      </c>
      <c r="BG46" s="425" t="s">
        <v>323</v>
      </c>
      <c r="BH46" s="425" t="s">
        <v>322</v>
      </c>
      <c r="BI46" s="424" t="s">
        <v>322</v>
      </c>
      <c r="BJ46" s="626"/>
      <c r="BK46" s="626"/>
      <c r="BL46" s="626"/>
      <c r="BM46" s="626"/>
      <c r="BN46" s="626"/>
      <c r="BO46" s="626"/>
      <c r="BP46" s="627"/>
      <c r="BQ46" s="627"/>
      <c r="BR46" s="627"/>
      <c r="BS46" s="627"/>
      <c r="BT46" s="628"/>
      <c r="BU46" s="628"/>
      <c r="BV46" s="628"/>
      <c r="BW46" s="629"/>
      <c r="BX46" s="628"/>
      <c r="BY46" s="628"/>
    </row>
    <row r="47" spans="1:77" s="294" customFormat="1" ht="13.5" customHeight="1" thickTop="1" thickBot="1" x14ac:dyDescent="0.2">
      <c r="A47" s="1079" t="s">
        <v>329</v>
      </c>
      <c r="B47" s="1086"/>
      <c r="C47" s="432" t="s">
        <v>322</v>
      </c>
      <c r="D47" s="432" t="s">
        <v>323</v>
      </c>
      <c r="E47" s="432" t="s">
        <v>322</v>
      </c>
      <c r="F47" s="432" t="s">
        <v>322</v>
      </c>
      <c r="G47" s="432" t="s">
        <v>325</v>
      </c>
      <c r="H47" s="432" t="s">
        <v>322</v>
      </c>
      <c r="I47" s="432" t="s">
        <v>323</v>
      </c>
      <c r="J47" s="432" t="s">
        <v>322</v>
      </c>
      <c r="K47" s="432" t="s">
        <v>322</v>
      </c>
      <c r="L47" s="432" t="s">
        <v>328</v>
      </c>
      <c r="M47" s="432" t="s">
        <v>322</v>
      </c>
      <c r="N47" s="432" t="s">
        <v>322</v>
      </c>
      <c r="O47" s="432" t="s">
        <v>322</v>
      </c>
      <c r="P47" s="432" t="s">
        <v>322</v>
      </c>
      <c r="Q47" s="424" t="s">
        <v>322</v>
      </c>
      <c r="R47" s="1079" t="s">
        <v>324</v>
      </c>
      <c r="S47" s="1086"/>
      <c r="T47" s="432" t="s">
        <v>322</v>
      </c>
      <c r="U47" s="432" t="s">
        <v>323</v>
      </c>
      <c r="V47" s="432" t="s">
        <v>323</v>
      </c>
      <c r="W47" s="432" t="s">
        <v>322</v>
      </c>
      <c r="X47" s="432" t="s">
        <v>322</v>
      </c>
      <c r="Y47" s="432" t="s">
        <v>323</v>
      </c>
      <c r="Z47" s="432" t="s">
        <v>322</v>
      </c>
      <c r="AA47" s="432" t="s">
        <v>322</v>
      </c>
      <c r="AB47" s="432" t="s">
        <v>322</v>
      </c>
      <c r="AC47" s="432" t="s">
        <v>323</v>
      </c>
      <c r="AD47" s="432" t="s">
        <v>322</v>
      </c>
      <c r="AE47" s="432" t="s">
        <v>326</v>
      </c>
      <c r="AF47" s="432" t="s">
        <v>326</v>
      </c>
      <c r="AG47" s="432" t="s">
        <v>326</v>
      </c>
      <c r="AH47" s="432" t="s">
        <v>326</v>
      </c>
      <c r="AI47" s="432" t="s">
        <v>326</v>
      </c>
      <c r="AJ47" s="424" t="s">
        <v>326</v>
      </c>
      <c r="AK47" s="1084" t="s">
        <v>327</v>
      </c>
      <c r="AL47" s="1085"/>
      <c r="AM47" s="431" t="s">
        <v>326</v>
      </c>
      <c r="AN47" s="431" t="s">
        <v>326</v>
      </c>
      <c r="AO47" s="431" t="s">
        <v>326</v>
      </c>
      <c r="AP47" s="431" t="s">
        <v>326</v>
      </c>
      <c r="AQ47" s="427" t="s">
        <v>326</v>
      </c>
      <c r="AR47" s="431" t="s">
        <v>326</v>
      </c>
      <c r="AS47" s="431" t="s">
        <v>326</v>
      </c>
      <c r="AT47" s="431" t="s">
        <v>326</v>
      </c>
      <c r="AU47" s="427" t="s">
        <v>326</v>
      </c>
      <c r="AV47" s="431" t="s">
        <v>326</v>
      </c>
      <c r="AW47" s="431" t="s">
        <v>325</v>
      </c>
      <c r="AX47" s="427" t="s">
        <v>322</v>
      </c>
      <c r="AY47" s="430" t="s">
        <v>322</v>
      </c>
      <c r="AZ47" s="429" t="s">
        <v>322</v>
      </c>
      <c r="BA47" s="428" t="s">
        <v>322</v>
      </c>
      <c r="BB47" s="427" t="s">
        <v>322</v>
      </c>
      <c r="BC47" s="426" t="s">
        <v>322</v>
      </c>
      <c r="BD47" s="1079" t="s">
        <v>324</v>
      </c>
      <c r="BE47" s="1080"/>
      <c r="BF47" s="425" t="s">
        <v>322</v>
      </c>
      <c r="BG47" s="425" t="s">
        <v>322</v>
      </c>
      <c r="BH47" s="425" t="s">
        <v>323</v>
      </c>
      <c r="BI47" s="424" t="s">
        <v>322</v>
      </c>
      <c r="BJ47" s="423"/>
      <c r="BK47" s="423"/>
      <c r="BL47" s="423"/>
      <c r="BM47" s="423"/>
      <c r="BN47" s="423"/>
      <c r="BO47" s="423"/>
      <c r="BP47" s="422"/>
      <c r="BQ47" s="422"/>
      <c r="BR47" s="422"/>
      <c r="BS47" s="422"/>
      <c r="BT47" s="420"/>
      <c r="BU47" s="420"/>
      <c r="BV47" s="420"/>
      <c r="BW47" s="421"/>
      <c r="BX47" s="420"/>
      <c r="BY47" s="420"/>
    </row>
    <row r="48" spans="1:77" s="294" customFormat="1" ht="13.5" customHeight="1" thickTop="1" thickBot="1" x14ac:dyDescent="0.2">
      <c r="A48" s="1075" t="s">
        <v>321</v>
      </c>
      <c r="B48" s="1087"/>
      <c r="C48" s="419">
        <v>13</v>
      </c>
      <c r="D48" s="419">
        <v>393</v>
      </c>
      <c r="E48" s="419">
        <v>12296291</v>
      </c>
      <c r="F48" s="419">
        <v>223</v>
      </c>
      <c r="G48" s="419">
        <v>375</v>
      </c>
      <c r="H48" s="419">
        <v>2856818</v>
      </c>
      <c r="I48" s="419">
        <v>71</v>
      </c>
      <c r="J48" s="419">
        <v>149</v>
      </c>
      <c r="K48" s="419">
        <v>1054440</v>
      </c>
      <c r="L48" s="419">
        <v>307</v>
      </c>
      <c r="M48" s="419">
        <v>917</v>
      </c>
      <c r="N48" s="419">
        <v>16207549</v>
      </c>
      <c r="O48" s="419">
        <v>178</v>
      </c>
      <c r="P48" s="419">
        <v>216</v>
      </c>
      <c r="Q48" s="418">
        <v>2475465</v>
      </c>
      <c r="R48" s="1075" t="s">
        <v>321</v>
      </c>
      <c r="S48" s="1087"/>
      <c r="T48" s="419">
        <v>14</v>
      </c>
      <c r="U48" s="419">
        <v>1146</v>
      </c>
      <c r="V48" s="419">
        <v>661164</v>
      </c>
      <c r="W48" s="419">
        <v>-1</v>
      </c>
      <c r="X48" s="419">
        <v>46</v>
      </c>
      <c r="Y48" s="419">
        <v>614480</v>
      </c>
      <c r="Z48" s="419">
        <v>484</v>
      </c>
      <c r="AA48" s="419">
        <v>19958658</v>
      </c>
      <c r="AB48" s="419">
        <v>2</v>
      </c>
      <c r="AC48" s="419">
        <v>3</v>
      </c>
      <c r="AD48" s="419">
        <v>18180</v>
      </c>
      <c r="AE48" s="419">
        <v>1</v>
      </c>
      <c r="AF48" s="419">
        <v>45064</v>
      </c>
      <c r="AG48" s="419">
        <v>39</v>
      </c>
      <c r="AH48" s="419">
        <v>318377</v>
      </c>
      <c r="AI48" s="419">
        <v>4</v>
      </c>
      <c r="AJ48" s="418">
        <v>179710</v>
      </c>
      <c r="AK48" s="1101" t="s">
        <v>320</v>
      </c>
      <c r="AL48" s="1102"/>
      <c r="AM48" s="419">
        <v>-9</v>
      </c>
      <c r="AN48" s="419">
        <v>-423210</v>
      </c>
      <c r="AO48" s="419">
        <v>0</v>
      </c>
      <c r="AP48" s="419">
        <v>0</v>
      </c>
      <c r="AQ48" s="419">
        <v>38</v>
      </c>
      <c r="AR48" s="419">
        <v>138121</v>
      </c>
      <c r="AS48" s="419">
        <v>0</v>
      </c>
      <c r="AT48" s="419">
        <v>0</v>
      </c>
      <c r="AU48" s="419">
        <v>0</v>
      </c>
      <c r="AV48" s="419">
        <v>0</v>
      </c>
      <c r="AW48" s="419">
        <v>524</v>
      </c>
      <c r="AX48" s="419">
        <v>20096779</v>
      </c>
      <c r="AY48" s="419">
        <v>33</v>
      </c>
      <c r="AZ48" s="419">
        <v>0</v>
      </c>
      <c r="BA48" s="419">
        <v>14070046</v>
      </c>
      <c r="BB48" s="419">
        <v>4723000</v>
      </c>
      <c r="BC48" s="418">
        <v>1303733</v>
      </c>
      <c r="BD48" s="1075" t="s">
        <v>320</v>
      </c>
      <c r="BE48" s="1076"/>
      <c r="BF48" s="417">
        <v>36</v>
      </c>
      <c r="BG48" s="417">
        <v>4515037</v>
      </c>
      <c r="BH48" s="417">
        <v>3</v>
      </c>
      <c r="BI48" s="416">
        <v>42829</v>
      </c>
    </row>
    <row r="49" spans="1:61" s="294" customFormat="1" ht="11.25" customHeight="1" x14ac:dyDescent="0.15">
      <c r="C49" s="512"/>
      <c r="D49" s="512"/>
      <c r="E49" s="512"/>
      <c r="F49" s="512"/>
      <c r="G49" s="512"/>
      <c r="H49" s="512"/>
      <c r="I49" s="512"/>
      <c r="J49" s="512"/>
      <c r="K49" s="512"/>
      <c r="L49" s="512"/>
      <c r="M49" s="512"/>
      <c r="N49" s="512"/>
      <c r="O49" s="512"/>
      <c r="P49" s="512"/>
      <c r="Q49" s="512"/>
      <c r="S49" s="630" t="s">
        <v>246</v>
      </c>
      <c r="T49" s="512"/>
      <c r="U49" s="512"/>
      <c r="V49" s="512"/>
      <c r="W49" s="512"/>
      <c r="X49" s="512"/>
      <c r="Y49" s="512"/>
      <c r="Z49" s="512"/>
      <c r="AA49" s="512"/>
      <c r="BA49" s="512"/>
      <c r="BB49" s="512"/>
      <c r="BC49" s="512"/>
      <c r="BF49" s="512"/>
      <c r="BG49" s="512"/>
    </row>
    <row r="50" spans="1:61" s="632" customFormat="1" ht="12.9" customHeight="1" x14ac:dyDescent="0.15">
      <c r="A50" s="631"/>
      <c r="C50" s="633"/>
      <c r="D50" s="633"/>
      <c r="E50" s="633"/>
      <c r="F50" s="633"/>
      <c r="G50" s="633"/>
      <c r="H50" s="633"/>
      <c r="I50" s="633"/>
      <c r="J50" s="633"/>
      <c r="K50" s="633"/>
      <c r="L50" s="633"/>
      <c r="M50" s="633"/>
      <c r="N50" s="633"/>
      <c r="O50" s="634"/>
      <c r="P50" s="633"/>
      <c r="Q50" s="633"/>
      <c r="R50" s="634"/>
      <c r="S50" s="631"/>
      <c r="T50" s="633"/>
      <c r="U50" s="633"/>
      <c r="V50" s="633"/>
      <c r="W50" s="633"/>
      <c r="X50" s="633"/>
      <c r="Y50" s="633"/>
      <c r="Z50" s="633"/>
      <c r="AA50" s="633"/>
      <c r="AB50" s="633"/>
      <c r="AC50" s="633"/>
      <c r="AD50" s="633"/>
      <c r="AE50" s="633"/>
      <c r="AF50" s="633"/>
      <c r="AG50" s="633"/>
      <c r="AH50" s="633"/>
      <c r="AI50" s="633"/>
      <c r="AJ50" s="633"/>
      <c r="AL50" s="631"/>
      <c r="AM50" s="633"/>
      <c r="AN50" s="633"/>
      <c r="AO50" s="633"/>
      <c r="AP50" s="633"/>
      <c r="AQ50" s="633"/>
      <c r="AR50" s="633"/>
      <c r="AS50" s="633"/>
      <c r="AT50" s="633"/>
      <c r="AU50" s="633"/>
      <c r="AV50" s="633"/>
      <c r="AW50" s="633"/>
      <c r="AX50" s="633"/>
      <c r="BA50" s="633"/>
      <c r="BB50" s="633"/>
      <c r="BC50" s="635"/>
      <c r="BE50" s="631"/>
      <c r="BF50" s="633"/>
      <c r="BG50" s="633"/>
      <c r="BH50" s="633"/>
      <c r="BI50" s="633"/>
    </row>
    <row r="51" spans="1:61" ht="12.9" customHeight="1" x14ac:dyDescent="0.15">
      <c r="C51" s="512"/>
      <c r="D51" s="512"/>
      <c r="E51" s="512"/>
      <c r="F51" s="512"/>
      <c r="G51" s="512"/>
      <c r="H51" s="512"/>
      <c r="I51" s="512"/>
      <c r="J51" s="512"/>
      <c r="K51" s="512"/>
      <c r="L51" s="512"/>
      <c r="M51" s="512"/>
      <c r="N51" s="512"/>
      <c r="BA51" s="512"/>
      <c r="BB51" s="512"/>
      <c r="BC51" s="512"/>
      <c r="BF51" s="512"/>
      <c r="BG51" s="512"/>
    </row>
    <row r="52" spans="1:61" ht="12.9" customHeight="1" x14ac:dyDescent="0.15">
      <c r="C52" s="512"/>
      <c r="D52" s="512"/>
      <c r="E52" s="512"/>
      <c r="F52" s="512"/>
      <c r="G52" s="512"/>
      <c r="H52" s="512"/>
      <c r="I52" s="512"/>
      <c r="J52" s="512"/>
      <c r="K52" s="512"/>
      <c r="L52" s="512"/>
      <c r="M52" s="512"/>
      <c r="N52" s="512"/>
      <c r="BA52" s="512"/>
      <c r="BB52" s="512"/>
      <c r="BC52" s="512"/>
      <c r="BF52" s="512"/>
      <c r="BG52" s="512"/>
    </row>
    <row r="53" spans="1:61" ht="12.9" customHeight="1" x14ac:dyDescent="0.15">
      <c r="C53" s="512"/>
      <c r="D53" s="512"/>
      <c r="E53" s="512"/>
      <c r="F53" s="512"/>
      <c r="G53" s="512"/>
      <c r="H53" s="512"/>
      <c r="I53" s="512"/>
      <c r="J53" s="512"/>
      <c r="K53" s="512"/>
      <c r="L53" s="512"/>
      <c r="M53" s="512"/>
      <c r="N53" s="512"/>
      <c r="BA53" s="512"/>
      <c r="BB53" s="512"/>
      <c r="BC53" s="512"/>
      <c r="BF53" s="512"/>
      <c r="BG53" s="512"/>
    </row>
    <row r="54" spans="1:61" ht="12.9" customHeight="1" x14ac:dyDescent="0.15">
      <c r="C54" s="512"/>
      <c r="D54" s="512"/>
      <c r="E54" s="512"/>
      <c r="F54" s="512"/>
      <c r="G54" s="512"/>
      <c r="H54" s="512"/>
      <c r="I54" s="512"/>
      <c r="J54" s="512"/>
      <c r="K54" s="512"/>
      <c r="L54" s="512"/>
      <c r="M54" s="512"/>
      <c r="N54" s="512"/>
      <c r="BA54" s="512"/>
      <c r="BB54" s="512"/>
      <c r="BC54" s="512"/>
      <c r="BF54" s="512"/>
      <c r="BG54" s="512"/>
    </row>
    <row r="55" spans="1:61" x14ac:dyDescent="0.15">
      <c r="C55" s="512"/>
      <c r="D55" s="512"/>
      <c r="E55" s="512"/>
      <c r="F55" s="512"/>
      <c r="G55" s="512"/>
      <c r="H55" s="512"/>
      <c r="I55" s="512"/>
      <c r="J55" s="512"/>
      <c r="K55" s="512"/>
      <c r="L55" s="512"/>
      <c r="M55" s="512"/>
      <c r="N55" s="512"/>
      <c r="BA55" s="512"/>
      <c r="BB55" s="512"/>
      <c r="BC55" s="512"/>
      <c r="BF55" s="512"/>
      <c r="BG55" s="512"/>
    </row>
    <row r="56" spans="1:61" x14ac:dyDescent="0.15">
      <c r="C56" s="512"/>
      <c r="D56" s="512"/>
      <c r="E56" s="512"/>
      <c r="F56" s="512"/>
      <c r="G56" s="512"/>
      <c r="H56" s="512"/>
      <c r="I56" s="512"/>
      <c r="J56" s="512"/>
      <c r="K56" s="512"/>
      <c r="L56" s="512"/>
      <c r="M56" s="512"/>
      <c r="N56" s="512"/>
      <c r="BA56" s="512"/>
      <c r="BB56" s="512"/>
      <c r="BC56" s="512"/>
      <c r="BF56" s="512"/>
      <c r="BG56" s="512"/>
    </row>
    <row r="57" spans="1:61" x14ac:dyDescent="0.15">
      <c r="C57" s="512"/>
      <c r="D57" s="512"/>
      <c r="E57" s="512"/>
      <c r="F57" s="512"/>
      <c r="G57" s="512"/>
      <c r="H57" s="512"/>
      <c r="I57" s="512"/>
      <c r="J57" s="512"/>
      <c r="K57" s="512"/>
      <c r="L57" s="512"/>
      <c r="M57" s="512"/>
      <c r="N57" s="512"/>
      <c r="BA57" s="512"/>
      <c r="BB57" s="512"/>
      <c r="BC57" s="512"/>
      <c r="BF57" s="512"/>
      <c r="BG57" s="512"/>
    </row>
    <row r="58" spans="1:61" x14ac:dyDescent="0.15">
      <c r="C58" s="512"/>
      <c r="D58" s="512"/>
      <c r="E58" s="512"/>
      <c r="F58" s="512"/>
      <c r="G58" s="512"/>
      <c r="H58" s="512"/>
      <c r="I58" s="512"/>
      <c r="J58" s="512"/>
      <c r="K58" s="512"/>
      <c r="L58" s="512"/>
      <c r="M58" s="512"/>
      <c r="N58" s="512"/>
      <c r="BA58" s="512"/>
      <c r="BB58" s="512"/>
      <c r="BC58" s="512"/>
      <c r="BF58" s="512"/>
      <c r="BG58" s="512"/>
    </row>
    <row r="59" spans="1:61" x14ac:dyDescent="0.15">
      <c r="C59" s="512"/>
      <c r="D59" s="512"/>
      <c r="E59" s="512"/>
      <c r="F59" s="512"/>
      <c r="G59" s="512"/>
      <c r="H59" s="512"/>
      <c r="I59" s="512"/>
      <c r="J59" s="512"/>
      <c r="K59" s="512"/>
      <c r="L59" s="512"/>
      <c r="M59" s="512"/>
      <c r="N59" s="512"/>
      <c r="BA59" s="512"/>
      <c r="BB59" s="512"/>
      <c r="BC59" s="512"/>
      <c r="BF59" s="512"/>
      <c r="BG59" s="512"/>
    </row>
    <row r="60" spans="1:61" x14ac:dyDescent="0.15">
      <c r="C60" s="512"/>
      <c r="D60" s="512"/>
      <c r="E60" s="512"/>
      <c r="F60" s="512"/>
      <c r="G60" s="512"/>
      <c r="H60" s="512"/>
      <c r="I60" s="512"/>
      <c r="J60" s="512"/>
      <c r="K60" s="512"/>
      <c r="L60" s="512"/>
      <c r="M60" s="512"/>
      <c r="N60" s="512"/>
      <c r="BA60" s="512"/>
      <c r="BB60" s="512"/>
      <c r="BC60" s="512"/>
      <c r="BF60" s="512"/>
      <c r="BG60" s="512"/>
    </row>
    <row r="61" spans="1:61" x14ac:dyDescent="0.15">
      <c r="C61" s="512"/>
      <c r="D61" s="512"/>
      <c r="E61" s="512"/>
      <c r="F61" s="512"/>
      <c r="G61" s="512"/>
      <c r="H61" s="512"/>
      <c r="I61" s="512"/>
      <c r="J61" s="512"/>
      <c r="K61" s="512"/>
      <c r="L61" s="512"/>
      <c r="M61" s="512"/>
      <c r="N61" s="512"/>
      <c r="BA61" s="512"/>
      <c r="BB61" s="512"/>
      <c r="BC61" s="512"/>
      <c r="BF61" s="512"/>
      <c r="BG61" s="512"/>
    </row>
    <row r="62" spans="1:61" x14ac:dyDescent="0.15">
      <c r="BA62" s="512"/>
      <c r="BB62" s="512"/>
      <c r="BC62" s="512"/>
      <c r="BF62" s="512"/>
      <c r="BG62" s="512"/>
    </row>
    <row r="63" spans="1:61" x14ac:dyDescent="0.15">
      <c r="BA63" s="512"/>
      <c r="BB63" s="512"/>
      <c r="BC63" s="512"/>
      <c r="BF63" s="512"/>
      <c r="BG63" s="512"/>
    </row>
    <row r="64" spans="1:61" x14ac:dyDescent="0.15">
      <c r="BA64" s="512"/>
      <c r="BB64" s="512"/>
      <c r="BC64" s="512"/>
      <c r="BF64" s="512"/>
      <c r="BG64" s="512"/>
    </row>
    <row r="65" spans="53:59" x14ac:dyDescent="0.15">
      <c r="BA65" s="512"/>
      <c r="BB65" s="512"/>
      <c r="BC65" s="512"/>
      <c r="BF65" s="512"/>
      <c r="BG65" s="512"/>
    </row>
  </sheetData>
  <mergeCells count="51">
    <mergeCell ref="BC1:BC2"/>
    <mergeCell ref="BA3:BC4"/>
    <mergeCell ref="BA5:BA6"/>
    <mergeCell ref="AS5:AT5"/>
    <mergeCell ref="AK3:AL6"/>
    <mergeCell ref="BH4:BI4"/>
    <mergeCell ref="BF4:BG4"/>
    <mergeCell ref="BC5:BC6"/>
    <mergeCell ref="AJ1:AJ2"/>
    <mergeCell ref="Q1:Q2"/>
    <mergeCell ref="AY3:AZ6"/>
    <mergeCell ref="BD3:BE6"/>
    <mergeCell ref="AW3:AX5"/>
    <mergeCell ref="AU4:AV5"/>
    <mergeCell ref="R3:S6"/>
    <mergeCell ref="AM5:AN5"/>
    <mergeCell ref="O4:Q5"/>
    <mergeCell ref="AC5:AD5"/>
    <mergeCell ref="AE5:AF5"/>
    <mergeCell ref="AI5:AJ5"/>
    <mergeCell ref="AM4:AT4"/>
    <mergeCell ref="C3:Q3"/>
    <mergeCell ref="T3:AA3"/>
    <mergeCell ref="C5:E5"/>
    <mergeCell ref="A47:B47"/>
    <mergeCell ref="A48:B48"/>
    <mergeCell ref="R40:S40"/>
    <mergeCell ref="R47:S47"/>
    <mergeCell ref="F5:H5"/>
    <mergeCell ref="I5:K5"/>
    <mergeCell ref="A40:B40"/>
    <mergeCell ref="L5:N5"/>
    <mergeCell ref="A3:B6"/>
    <mergeCell ref="C4:N4"/>
    <mergeCell ref="R48:S48"/>
    <mergeCell ref="BD48:BE48"/>
    <mergeCell ref="AM3:AV3"/>
    <mergeCell ref="BD40:BE40"/>
    <mergeCell ref="AB3:AJ3"/>
    <mergeCell ref="T4:V5"/>
    <mergeCell ref="AQ5:AR5"/>
    <mergeCell ref="BD47:BE47"/>
    <mergeCell ref="AB4:AB6"/>
    <mergeCell ref="AO5:AP5"/>
    <mergeCell ref="AK47:AL47"/>
    <mergeCell ref="AK48:AL48"/>
    <mergeCell ref="AK40:AL40"/>
    <mergeCell ref="AG5:AH5"/>
    <mergeCell ref="BB5:BB6"/>
    <mergeCell ref="Z4:AA5"/>
    <mergeCell ref="W4:Y5"/>
  </mergeCells>
  <phoneticPr fontId="5"/>
  <printOptions verticalCentered="1"/>
  <pageMargins left="0.78740157480314965" right="0" top="0.59055118110236227" bottom="0.59055118110236227" header="0.47244094488188981" footer="0.51181102362204722"/>
  <pageSetup paperSize="9" scale="83" orientation="landscape" blackAndWhite="1" r:id="rId1"/>
  <headerFooter alignWithMargins="0"/>
  <colBreaks count="3" manualBreakCount="3">
    <brk id="17" max="1048575" man="1"/>
    <brk id="36" max="48" man="1"/>
    <brk id="55" max="48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51"/>
  <sheetViews>
    <sheetView zoomScaleNormal="100" zoomScaleSheetLayoutView="100" workbookViewId="0"/>
  </sheetViews>
  <sheetFormatPr defaultColWidth="9" defaultRowHeight="10.8" x14ac:dyDescent="0.15"/>
  <cols>
    <col min="1" max="1" width="4.44140625" style="476" customWidth="1"/>
    <col min="2" max="2" width="10" style="476" customWidth="1"/>
    <col min="3" max="6" width="17.6640625" style="476" customWidth="1"/>
    <col min="7" max="7" width="17.33203125" style="476" customWidth="1"/>
    <col min="8" max="8" width="18.6640625" style="476" customWidth="1"/>
    <col min="9" max="16384" width="9" style="476"/>
  </cols>
  <sheetData>
    <row r="1" spans="1:8" s="532" customFormat="1" ht="13.2" x14ac:dyDescent="0.2">
      <c r="A1" s="636" t="s">
        <v>389</v>
      </c>
      <c r="C1" s="511"/>
      <c r="D1" s="511"/>
      <c r="E1" s="511"/>
      <c r="F1" s="916" t="s">
        <v>314</v>
      </c>
    </row>
    <row r="2" spans="1:8" s="532" customFormat="1" ht="10.5" customHeight="1" thickBot="1" x14ac:dyDescent="0.25">
      <c r="A2" s="511"/>
      <c r="B2" s="636"/>
      <c r="C2" s="511"/>
      <c r="D2" s="511"/>
      <c r="E2" s="511"/>
      <c r="F2" s="917"/>
    </row>
    <row r="3" spans="1:8" s="637" customFormat="1" ht="15.6" customHeight="1" x14ac:dyDescent="0.2">
      <c r="A3" s="1127" t="s">
        <v>237</v>
      </c>
      <c r="B3" s="1128"/>
      <c r="C3" s="510" t="s">
        <v>388</v>
      </c>
      <c r="D3" s="510" t="s">
        <v>387</v>
      </c>
      <c r="E3" s="510" t="s">
        <v>386</v>
      </c>
      <c r="F3" s="509" t="s">
        <v>385</v>
      </c>
      <c r="G3" s="1091"/>
    </row>
    <row r="4" spans="1:8" s="637" customFormat="1" ht="15.6" customHeight="1" thickBot="1" x14ac:dyDescent="0.25">
      <c r="A4" s="1129"/>
      <c r="B4" s="1130"/>
      <c r="C4" s="508" t="s">
        <v>384</v>
      </c>
      <c r="D4" s="508" t="s">
        <v>383</v>
      </c>
      <c r="E4" s="508"/>
      <c r="F4" s="507" t="s">
        <v>382</v>
      </c>
      <c r="G4" s="1091"/>
      <c r="H4" s="638"/>
    </row>
    <row r="5" spans="1:8" s="506" customFormat="1" ht="18" customHeight="1" thickTop="1" x14ac:dyDescent="0.15">
      <c r="A5" s="496">
        <v>1</v>
      </c>
      <c r="B5" s="501" t="s">
        <v>228</v>
      </c>
      <c r="C5" s="491">
        <v>243458027795</v>
      </c>
      <c r="D5" s="491">
        <v>15857059</v>
      </c>
      <c r="E5" s="490">
        <v>148694717676</v>
      </c>
      <c r="F5" s="489">
        <v>243473884854</v>
      </c>
      <c r="G5" s="639"/>
      <c r="H5" s="640"/>
    </row>
    <row r="6" spans="1:8" s="506" customFormat="1" ht="18" customHeight="1" x14ac:dyDescent="0.15">
      <c r="A6" s="496">
        <v>2</v>
      </c>
      <c r="B6" s="501" t="s">
        <v>225</v>
      </c>
      <c r="C6" s="491">
        <v>88088421451</v>
      </c>
      <c r="D6" s="491">
        <v>-428127</v>
      </c>
      <c r="E6" s="490">
        <v>51601253674</v>
      </c>
      <c r="F6" s="489">
        <v>88087993324</v>
      </c>
    </row>
    <row r="7" spans="1:8" s="506" customFormat="1" ht="18" customHeight="1" x14ac:dyDescent="0.15">
      <c r="A7" s="496">
        <v>3</v>
      </c>
      <c r="B7" s="501" t="s">
        <v>223</v>
      </c>
      <c r="C7" s="491">
        <v>33685044169</v>
      </c>
      <c r="D7" s="490">
        <v>-42910</v>
      </c>
      <c r="E7" s="490">
        <v>21879214494</v>
      </c>
      <c r="F7" s="489">
        <v>33685001259</v>
      </c>
    </row>
    <row r="8" spans="1:8" s="506" customFormat="1" ht="18" customHeight="1" x14ac:dyDescent="0.15">
      <c r="A8" s="496">
        <v>4</v>
      </c>
      <c r="B8" s="501" t="s">
        <v>221</v>
      </c>
      <c r="C8" s="491">
        <v>19813809161</v>
      </c>
      <c r="D8" s="491">
        <v>-5530</v>
      </c>
      <c r="E8" s="490">
        <v>12353629770</v>
      </c>
      <c r="F8" s="489">
        <v>19813803631</v>
      </c>
    </row>
    <row r="9" spans="1:8" s="506" customFormat="1" ht="18" customHeight="1" x14ac:dyDescent="0.15">
      <c r="A9" s="496">
        <v>5</v>
      </c>
      <c r="B9" s="501" t="s">
        <v>219</v>
      </c>
      <c r="C9" s="491">
        <v>12289277982</v>
      </c>
      <c r="D9" s="491">
        <v>728134</v>
      </c>
      <c r="E9" s="490">
        <v>7575502183</v>
      </c>
      <c r="F9" s="489">
        <v>12290006116</v>
      </c>
    </row>
    <row r="10" spans="1:8" s="506" customFormat="1" ht="18" customHeight="1" x14ac:dyDescent="0.15">
      <c r="A10" s="496">
        <v>6</v>
      </c>
      <c r="B10" s="501" t="s">
        <v>217</v>
      </c>
      <c r="C10" s="491">
        <v>28247509245</v>
      </c>
      <c r="D10" s="491">
        <v>176140</v>
      </c>
      <c r="E10" s="490">
        <v>17167604034</v>
      </c>
      <c r="F10" s="489">
        <v>28247685385</v>
      </c>
    </row>
    <row r="11" spans="1:8" s="506" customFormat="1" ht="18" customHeight="1" x14ac:dyDescent="0.15">
      <c r="A11" s="496">
        <v>7</v>
      </c>
      <c r="B11" s="501" t="s">
        <v>215</v>
      </c>
      <c r="C11" s="491">
        <v>15615574098</v>
      </c>
      <c r="D11" s="491">
        <v>73262</v>
      </c>
      <c r="E11" s="490">
        <v>9873595366</v>
      </c>
      <c r="F11" s="489">
        <v>15615647360</v>
      </c>
    </row>
    <row r="12" spans="1:8" s="506" customFormat="1" ht="18" customHeight="1" x14ac:dyDescent="0.15">
      <c r="A12" s="496">
        <v>8</v>
      </c>
      <c r="B12" s="501" t="s">
        <v>213</v>
      </c>
      <c r="C12" s="491">
        <v>16756567498</v>
      </c>
      <c r="D12" s="491">
        <v>253870</v>
      </c>
      <c r="E12" s="490">
        <v>10420430684</v>
      </c>
      <c r="F12" s="489">
        <v>16756821368</v>
      </c>
    </row>
    <row r="13" spans="1:8" s="506" customFormat="1" ht="18" customHeight="1" x14ac:dyDescent="0.15">
      <c r="A13" s="496">
        <v>9</v>
      </c>
      <c r="B13" s="501" t="s">
        <v>211</v>
      </c>
      <c r="C13" s="491">
        <v>4631006187</v>
      </c>
      <c r="D13" s="491">
        <v>-3400</v>
      </c>
      <c r="E13" s="490">
        <v>2878858973</v>
      </c>
      <c r="F13" s="489">
        <v>4631002787</v>
      </c>
    </row>
    <row r="14" spans="1:8" s="506" customFormat="1" ht="18" customHeight="1" x14ac:dyDescent="0.15">
      <c r="A14" s="496">
        <v>10</v>
      </c>
      <c r="B14" s="501" t="s">
        <v>209</v>
      </c>
      <c r="C14" s="491">
        <v>52379217645</v>
      </c>
      <c r="D14" s="491">
        <v>1184265</v>
      </c>
      <c r="E14" s="490">
        <v>31800445559</v>
      </c>
      <c r="F14" s="489">
        <v>52380401910</v>
      </c>
    </row>
    <row r="15" spans="1:8" s="506" customFormat="1" ht="18" customHeight="1" x14ac:dyDescent="0.15">
      <c r="A15" s="496">
        <v>11</v>
      </c>
      <c r="B15" s="501" t="s">
        <v>207</v>
      </c>
      <c r="C15" s="491">
        <v>4621099321</v>
      </c>
      <c r="D15" s="491">
        <v>128040</v>
      </c>
      <c r="E15" s="490">
        <v>2974163513</v>
      </c>
      <c r="F15" s="489">
        <v>4621227361</v>
      </c>
    </row>
    <row r="16" spans="1:8" s="506" customFormat="1" ht="18" customHeight="1" x14ac:dyDescent="0.15">
      <c r="A16" s="496">
        <v>12</v>
      </c>
      <c r="B16" s="501" t="s">
        <v>205</v>
      </c>
      <c r="C16" s="491">
        <v>13125457176</v>
      </c>
      <c r="D16" s="491">
        <v>109670</v>
      </c>
      <c r="E16" s="490">
        <v>8659184551</v>
      </c>
      <c r="F16" s="489">
        <v>13125566846</v>
      </c>
    </row>
    <row r="17" spans="1:6" s="506" customFormat="1" ht="18" customHeight="1" x14ac:dyDescent="0.15">
      <c r="A17" s="496">
        <v>13</v>
      </c>
      <c r="B17" s="501" t="s">
        <v>203</v>
      </c>
      <c r="C17" s="491">
        <v>16499472580</v>
      </c>
      <c r="D17" s="491">
        <v>114795</v>
      </c>
      <c r="E17" s="490">
        <v>10109810289</v>
      </c>
      <c r="F17" s="489">
        <v>16499587375</v>
      </c>
    </row>
    <row r="18" spans="1:6" s="506" customFormat="1" ht="18" customHeight="1" x14ac:dyDescent="0.15">
      <c r="A18" s="496">
        <v>14</v>
      </c>
      <c r="B18" s="501" t="s">
        <v>201</v>
      </c>
      <c r="C18" s="491">
        <v>16544965215</v>
      </c>
      <c r="D18" s="491">
        <v>-540</v>
      </c>
      <c r="E18" s="490">
        <v>9793707588</v>
      </c>
      <c r="F18" s="489">
        <v>16544964675</v>
      </c>
    </row>
    <row r="19" spans="1:6" s="506" customFormat="1" ht="18" customHeight="1" x14ac:dyDescent="0.15">
      <c r="A19" s="496">
        <v>15</v>
      </c>
      <c r="B19" s="501" t="s">
        <v>199</v>
      </c>
      <c r="C19" s="491">
        <v>7536137798</v>
      </c>
      <c r="D19" s="491">
        <v>42210</v>
      </c>
      <c r="E19" s="490">
        <v>4870761303</v>
      </c>
      <c r="F19" s="489">
        <v>7536180008</v>
      </c>
    </row>
    <row r="20" spans="1:6" s="506" customFormat="1" ht="18" customHeight="1" x14ac:dyDescent="0.15">
      <c r="A20" s="496">
        <v>16</v>
      </c>
      <c r="B20" s="501" t="s">
        <v>197</v>
      </c>
      <c r="C20" s="491">
        <v>9192601591</v>
      </c>
      <c r="D20" s="491">
        <v>-60490</v>
      </c>
      <c r="E20" s="490">
        <v>5656880378</v>
      </c>
      <c r="F20" s="489">
        <v>9192541101</v>
      </c>
    </row>
    <row r="21" spans="1:6" s="506" customFormat="1" ht="18" customHeight="1" x14ac:dyDescent="0.15">
      <c r="A21" s="496">
        <v>17</v>
      </c>
      <c r="B21" s="501" t="s">
        <v>195</v>
      </c>
      <c r="C21" s="491">
        <v>9381017848</v>
      </c>
      <c r="D21" s="491">
        <v>-536540</v>
      </c>
      <c r="E21" s="490">
        <v>5681078647</v>
      </c>
      <c r="F21" s="489">
        <v>9380481308</v>
      </c>
    </row>
    <row r="22" spans="1:6" s="506" customFormat="1" ht="18" customHeight="1" x14ac:dyDescent="0.15">
      <c r="A22" s="496">
        <v>18</v>
      </c>
      <c r="B22" s="501" t="s">
        <v>193</v>
      </c>
      <c r="C22" s="504">
        <v>3215005446</v>
      </c>
      <c r="D22" s="504">
        <v>212160</v>
      </c>
      <c r="E22" s="503">
        <v>1998482969</v>
      </c>
      <c r="F22" s="502">
        <v>3215217606</v>
      </c>
    </row>
    <row r="23" spans="1:6" s="506" customFormat="1" ht="18" customHeight="1" x14ac:dyDescent="0.15">
      <c r="A23" s="496">
        <v>19</v>
      </c>
      <c r="B23" s="501" t="s">
        <v>191</v>
      </c>
      <c r="C23" s="504">
        <v>2472558210</v>
      </c>
      <c r="D23" s="504">
        <v>63731</v>
      </c>
      <c r="E23" s="503">
        <v>1528421753</v>
      </c>
      <c r="F23" s="502">
        <v>2472621941</v>
      </c>
    </row>
    <row r="24" spans="1:6" s="506" customFormat="1" ht="18" customHeight="1" x14ac:dyDescent="0.15">
      <c r="A24" s="496">
        <v>20</v>
      </c>
      <c r="B24" s="501" t="s">
        <v>188</v>
      </c>
      <c r="C24" s="504">
        <v>3775530207</v>
      </c>
      <c r="D24" s="504">
        <v>-4780</v>
      </c>
      <c r="E24" s="503">
        <v>2384574566</v>
      </c>
      <c r="F24" s="502">
        <v>3775525427</v>
      </c>
    </row>
    <row r="25" spans="1:6" s="506" customFormat="1" ht="18" customHeight="1" x14ac:dyDescent="0.15">
      <c r="A25" s="505">
        <v>21</v>
      </c>
      <c r="B25" s="501" t="s">
        <v>186</v>
      </c>
      <c r="C25" s="504">
        <v>6582803410</v>
      </c>
      <c r="D25" s="504">
        <v>-253690</v>
      </c>
      <c r="E25" s="503">
        <v>3985269056</v>
      </c>
      <c r="F25" s="502">
        <v>6582549720</v>
      </c>
    </row>
    <row r="26" spans="1:6" s="506" customFormat="1" ht="18" customHeight="1" x14ac:dyDescent="0.15">
      <c r="A26" s="505">
        <v>22</v>
      </c>
      <c r="B26" s="501" t="s">
        <v>184</v>
      </c>
      <c r="C26" s="504">
        <v>2863195920</v>
      </c>
      <c r="D26" s="504">
        <v>837830</v>
      </c>
      <c r="E26" s="503">
        <v>1884111669</v>
      </c>
      <c r="F26" s="502">
        <v>2864033750</v>
      </c>
    </row>
    <row r="27" spans="1:6" s="506" customFormat="1" ht="18" customHeight="1" x14ac:dyDescent="0.15">
      <c r="A27" s="496">
        <v>23</v>
      </c>
      <c r="B27" s="501" t="s">
        <v>182</v>
      </c>
      <c r="C27" s="504">
        <v>2208422205</v>
      </c>
      <c r="D27" s="504">
        <v>68830</v>
      </c>
      <c r="E27" s="503">
        <v>1459660403</v>
      </c>
      <c r="F27" s="502">
        <v>2208491035</v>
      </c>
    </row>
    <row r="28" spans="1:6" s="506" customFormat="1" ht="18" customHeight="1" x14ac:dyDescent="0.15">
      <c r="A28" s="496">
        <v>24</v>
      </c>
      <c r="B28" s="501" t="s">
        <v>180</v>
      </c>
      <c r="C28" s="491">
        <v>914416020</v>
      </c>
      <c r="D28" s="491">
        <v>0</v>
      </c>
      <c r="E28" s="490">
        <v>628398338</v>
      </c>
      <c r="F28" s="489">
        <v>914416020</v>
      </c>
    </row>
    <row r="29" spans="1:6" s="506" customFormat="1" ht="18" customHeight="1" x14ac:dyDescent="0.15">
      <c r="A29" s="496">
        <v>25</v>
      </c>
      <c r="B29" s="501" t="s">
        <v>178</v>
      </c>
      <c r="C29" s="491">
        <v>1135121989</v>
      </c>
      <c r="D29" s="491">
        <v>-4130</v>
      </c>
      <c r="E29" s="490">
        <v>743285047</v>
      </c>
      <c r="F29" s="489">
        <v>1135117859</v>
      </c>
    </row>
    <row r="30" spans="1:6" s="506" customFormat="1" ht="18" customHeight="1" x14ac:dyDescent="0.15">
      <c r="A30" s="496">
        <v>26</v>
      </c>
      <c r="B30" s="501" t="s">
        <v>176</v>
      </c>
      <c r="C30" s="491">
        <v>945110563</v>
      </c>
      <c r="D30" s="491">
        <v>7950</v>
      </c>
      <c r="E30" s="490">
        <v>589356490</v>
      </c>
      <c r="F30" s="489">
        <v>945118513</v>
      </c>
    </row>
    <row r="31" spans="1:6" s="506" customFormat="1" ht="18" customHeight="1" x14ac:dyDescent="0.15">
      <c r="A31" s="496">
        <v>27</v>
      </c>
      <c r="B31" s="501" t="s">
        <v>173</v>
      </c>
      <c r="C31" s="491">
        <v>1138007657</v>
      </c>
      <c r="D31" s="491">
        <v>0</v>
      </c>
      <c r="E31" s="490">
        <v>793113843</v>
      </c>
      <c r="F31" s="489">
        <v>1138007657</v>
      </c>
    </row>
    <row r="32" spans="1:6" s="506" customFormat="1" ht="18" customHeight="1" x14ac:dyDescent="0.15">
      <c r="A32" s="496">
        <v>28</v>
      </c>
      <c r="B32" s="501" t="s">
        <v>171</v>
      </c>
      <c r="C32" s="491">
        <v>1215499949</v>
      </c>
      <c r="D32" s="491">
        <v>347800</v>
      </c>
      <c r="E32" s="490">
        <v>747168521</v>
      </c>
      <c r="F32" s="489">
        <v>1215847749</v>
      </c>
    </row>
    <row r="33" spans="1:7" s="506" customFormat="1" ht="18" customHeight="1" x14ac:dyDescent="0.15">
      <c r="A33" s="496">
        <v>29</v>
      </c>
      <c r="B33" s="501" t="s">
        <v>169</v>
      </c>
      <c r="C33" s="491">
        <v>1025263278</v>
      </c>
      <c r="D33" s="491">
        <v>36120</v>
      </c>
      <c r="E33" s="490">
        <v>633783800</v>
      </c>
      <c r="F33" s="489">
        <v>1025299398</v>
      </c>
    </row>
    <row r="34" spans="1:7" s="506" customFormat="1" ht="18" customHeight="1" x14ac:dyDescent="0.15">
      <c r="A34" s="496">
        <v>30</v>
      </c>
      <c r="B34" s="501" t="s">
        <v>167</v>
      </c>
      <c r="C34" s="491">
        <v>831025019</v>
      </c>
      <c r="D34" s="491">
        <v>1199290</v>
      </c>
      <c r="E34" s="490">
        <v>570689431</v>
      </c>
      <c r="F34" s="489">
        <v>832224309</v>
      </c>
    </row>
    <row r="35" spans="1:7" s="506" customFormat="1" ht="18" customHeight="1" x14ac:dyDescent="0.15">
      <c r="A35" s="496">
        <v>31</v>
      </c>
      <c r="B35" s="501" t="s">
        <v>165</v>
      </c>
      <c r="C35" s="491">
        <v>2366917674</v>
      </c>
      <c r="D35" s="491">
        <v>-5500</v>
      </c>
      <c r="E35" s="490">
        <v>1502387520</v>
      </c>
      <c r="F35" s="489">
        <v>2366912174</v>
      </c>
    </row>
    <row r="36" spans="1:7" s="506" customFormat="1" ht="18" customHeight="1" x14ac:dyDescent="0.15">
      <c r="A36" s="496">
        <v>32</v>
      </c>
      <c r="B36" s="501" t="s">
        <v>162</v>
      </c>
      <c r="C36" s="491">
        <v>3789080464</v>
      </c>
      <c r="D36" s="491">
        <v>1260</v>
      </c>
      <c r="E36" s="490">
        <v>2340523337</v>
      </c>
      <c r="F36" s="489">
        <v>3789081724</v>
      </c>
    </row>
    <row r="37" spans="1:7" s="506" customFormat="1" ht="18" customHeight="1" thickBot="1" x14ac:dyDescent="0.2">
      <c r="A37" s="493">
        <v>33</v>
      </c>
      <c r="B37" s="500" t="s">
        <v>159</v>
      </c>
      <c r="C37" s="499">
        <v>301020363</v>
      </c>
      <c r="D37" s="499">
        <v>0</v>
      </c>
      <c r="E37" s="498">
        <v>191786090</v>
      </c>
      <c r="F37" s="484">
        <v>301020363</v>
      </c>
    </row>
    <row r="38" spans="1:7" s="506" customFormat="1" ht="18" customHeight="1" thickTop="1" x14ac:dyDescent="0.15">
      <c r="A38" s="496">
        <v>301</v>
      </c>
      <c r="B38" s="495" t="s">
        <v>259</v>
      </c>
      <c r="C38" s="491">
        <v>2496147928</v>
      </c>
      <c r="D38" s="494" t="s">
        <v>322</v>
      </c>
      <c r="E38" s="490">
        <v>623848534</v>
      </c>
      <c r="F38" s="489">
        <v>2496147928</v>
      </c>
    </row>
    <row r="39" spans="1:7" s="506" customFormat="1" ht="18" customHeight="1" x14ac:dyDescent="0.15">
      <c r="A39" s="496">
        <v>302</v>
      </c>
      <c r="B39" s="495" t="s">
        <v>258</v>
      </c>
      <c r="C39" s="491">
        <v>2712439606</v>
      </c>
      <c r="D39" s="497" t="s">
        <v>322</v>
      </c>
      <c r="E39" s="490">
        <v>654833799</v>
      </c>
      <c r="F39" s="489">
        <v>2712439606</v>
      </c>
    </row>
    <row r="40" spans="1:7" s="506" customFormat="1" ht="18" customHeight="1" x14ac:dyDescent="0.15">
      <c r="A40" s="496">
        <v>303</v>
      </c>
      <c r="B40" s="495" t="s">
        <v>256</v>
      </c>
      <c r="C40" s="491">
        <v>3150818867</v>
      </c>
      <c r="D40" s="494" t="s">
        <v>381</v>
      </c>
      <c r="E40" s="490">
        <v>1181947856</v>
      </c>
      <c r="F40" s="489">
        <v>3150818867</v>
      </c>
    </row>
    <row r="41" spans="1:7" s="506" customFormat="1" ht="18" customHeight="1" x14ac:dyDescent="0.15">
      <c r="A41" s="496">
        <v>304</v>
      </c>
      <c r="B41" s="495" t="s">
        <v>254</v>
      </c>
      <c r="C41" s="491">
        <v>707241566</v>
      </c>
      <c r="D41" s="497" t="s">
        <v>322</v>
      </c>
      <c r="E41" s="490">
        <v>164413860</v>
      </c>
      <c r="F41" s="489">
        <v>707241566</v>
      </c>
    </row>
    <row r="42" spans="1:7" s="506" customFormat="1" ht="18" customHeight="1" x14ac:dyDescent="0.15">
      <c r="A42" s="496">
        <v>305</v>
      </c>
      <c r="B42" s="495" t="s">
        <v>380</v>
      </c>
      <c r="C42" s="491">
        <v>1450239681</v>
      </c>
      <c r="D42" s="494" t="s">
        <v>322</v>
      </c>
      <c r="E42" s="490">
        <v>463502754</v>
      </c>
      <c r="F42" s="489">
        <v>1450239681</v>
      </c>
    </row>
    <row r="43" spans="1:7" s="506" customFormat="1" ht="18" customHeight="1" thickBot="1" x14ac:dyDescent="0.2">
      <c r="A43" s="493">
        <v>306</v>
      </c>
      <c r="B43" s="492" t="s">
        <v>249</v>
      </c>
      <c r="C43" s="491">
        <v>14826463612</v>
      </c>
      <c r="D43" s="486" t="s">
        <v>379</v>
      </c>
      <c r="E43" s="490">
        <v>4537334634</v>
      </c>
      <c r="F43" s="489">
        <v>14826463612</v>
      </c>
    </row>
    <row r="44" spans="1:7" s="637" customFormat="1" ht="18" customHeight="1" thickTop="1" thickBot="1" x14ac:dyDescent="0.2">
      <c r="A44" s="1131" t="s">
        <v>261</v>
      </c>
      <c r="B44" s="1132"/>
      <c r="C44" s="487">
        <v>626644185134</v>
      </c>
      <c r="D44" s="487">
        <v>20096779</v>
      </c>
      <c r="E44" s="487">
        <v>383971851515</v>
      </c>
      <c r="F44" s="488">
        <v>626664281913</v>
      </c>
      <c r="G44" s="592"/>
    </row>
    <row r="45" spans="1:7" s="637" customFormat="1" ht="18" customHeight="1" thickTop="1" thickBot="1" x14ac:dyDescent="0.2">
      <c r="A45" s="1131" t="s">
        <v>378</v>
      </c>
      <c r="B45" s="1132"/>
      <c r="C45" s="487">
        <v>25343351260</v>
      </c>
      <c r="D45" s="486" t="s">
        <v>322</v>
      </c>
      <c r="E45" s="485">
        <v>7625881437</v>
      </c>
      <c r="F45" s="484">
        <v>25343351260</v>
      </c>
      <c r="G45" s="592"/>
    </row>
    <row r="46" spans="1:7" s="637" customFormat="1" ht="18" customHeight="1" thickTop="1" thickBot="1" x14ac:dyDescent="0.2">
      <c r="A46" s="1125" t="s">
        <v>377</v>
      </c>
      <c r="B46" s="1126"/>
      <c r="C46" s="483">
        <v>651987536394</v>
      </c>
      <c r="D46" s="483">
        <v>20096779</v>
      </c>
      <c r="E46" s="483">
        <v>391597732952</v>
      </c>
      <c r="F46" s="482">
        <v>652007633173</v>
      </c>
      <c r="G46" s="592"/>
    </row>
    <row r="48" spans="1:7" s="506" customFormat="1" ht="15.75" customHeight="1" x14ac:dyDescent="0.15">
      <c r="A48" s="597"/>
      <c r="B48" s="641"/>
      <c r="C48" s="480"/>
      <c r="D48" s="480"/>
      <c r="E48" s="481"/>
      <c r="F48" s="478"/>
    </row>
    <row r="49" spans="1:6" s="506" customFormat="1" ht="15.75" customHeight="1" x14ac:dyDescent="0.15">
      <c r="A49" s="597"/>
      <c r="B49" s="641"/>
      <c r="C49" s="480"/>
      <c r="D49" s="480"/>
      <c r="E49" s="479"/>
      <c r="F49" s="478"/>
    </row>
    <row r="50" spans="1:6" x14ac:dyDescent="0.15">
      <c r="A50" s="642"/>
    </row>
    <row r="51" spans="1:6" x14ac:dyDescent="0.15">
      <c r="D51" s="477"/>
      <c r="E51" s="477"/>
      <c r="F51" s="477"/>
    </row>
  </sheetData>
  <mergeCells count="6">
    <mergeCell ref="F1:F2"/>
    <mergeCell ref="A46:B46"/>
    <mergeCell ref="G3:G4"/>
    <mergeCell ref="A3:B4"/>
    <mergeCell ref="A44:B44"/>
    <mergeCell ref="A45:B45"/>
  </mergeCells>
  <phoneticPr fontId="5"/>
  <printOptions horizontalCentered="1" verticalCentered="1"/>
  <pageMargins left="0.78740157480314965" right="0.59055118110236227" top="0.59055118110236227" bottom="0.59055118110236227" header="0.51181102362204722" footer="0.51181102362204722"/>
  <pageSetup paperSize="9" scale="98" orientation="portrait" blackAndWhite="1" r:id="rId1"/>
  <headerFooter alignWithMargins="0"/>
  <colBreaks count="1" manualBreakCount="1">
    <brk id="6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N51"/>
  <sheetViews>
    <sheetView zoomScaleNormal="100" zoomScaleSheetLayoutView="100" workbookViewId="0"/>
  </sheetViews>
  <sheetFormatPr defaultColWidth="9" defaultRowHeight="15.75" customHeight="1" x14ac:dyDescent="0.15"/>
  <cols>
    <col min="1" max="1" width="4" style="512" customWidth="1"/>
    <col min="2" max="2" width="9.33203125" style="512" bestFit="1" customWidth="1"/>
    <col min="3" max="3" width="9.33203125" style="512" customWidth="1"/>
    <col min="4" max="4" width="4.88671875" style="671" bestFit="1" customWidth="1"/>
    <col min="5" max="5" width="9.33203125" style="513" customWidth="1"/>
    <col min="6" max="6" width="7.88671875" style="671" bestFit="1" customWidth="1"/>
    <col min="7" max="7" width="9.33203125" style="512" customWidth="1"/>
    <col min="8" max="8" width="4.88671875" style="671" bestFit="1" customWidth="1"/>
    <col min="9" max="9" width="9.33203125" style="512" customWidth="1"/>
    <col min="10" max="10" width="7.6640625" style="671" customWidth="1"/>
    <col min="11" max="11" width="10.44140625" style="512" customWidth="1"/>
    <col min="12" max="12" width="4.109375" style="512" customWidth="1"/>
    <col min="13" max="13" width="8.6640625" style="512" customWidth="1"/>
    <col min="14" max="14" width="4.109375" style="512" customWidth="1"/>
    <col min="15" max="15" width="8.6640625" style="512" customWidth="1"/>
    <col min="16" max="16" width="4.109375" style="512" customWidth="1"/>
    <col min="17" max="17" width="8.6640625" style="512" customWidth="1"/>
    <col min="18" max="18" width="4.109375" style="512" customWidth="1"/>
    <col min="19" max="19" width="8.6640625" style="512" customWidth="1"/>
    <col min="20" max="20" width="4.109375" style="512" customWidth="1"/>
    <col min="21" max="21" width="8.6640625" style="512" customWidth="1"/>
    <col min="22" max="22" width="4.109375" style="512" customWidth="1"/>
    <col min="23" max="23" width="8.6640625" style="512" customWidth="1"/>
    <col min="24" max="24" width="4.109375" style="512" customWidth="1"/>
    <col min="25" max="25" width="8.6640625" style="512" customWidth="1"/>
    <col min="26" max="26" width="4.109375" style="512" customWidth="1"/>
    <col min="27" max="27" width="8.6640625" style="512" customWidth="1"/>
    <col min="28" max="28" width="4.109375" style="512" customWidth="1"/>
    <col min="29" max="29" width="8.6640625" style="512" customWidth="1"/>
    <col min="30" max="30" width="4.109375" style="512" customWidth="1"/>
    <col min="31" max="31" width="8.6640625" style="512" customWidth="1"/>
    <col min="32" max="32" width="4.109375" style="512" customWidth="1"/>
    <col min="33" max="33" width="8.6640625" style="512" customWidth="1"/>
    <col min="34" max="34" width="4.109375" style="512" customWidth="1"/>
    <col min="35" max="35" width="8.6640625" style="512" customWidth="1"/>
    <col min="36" max="36" width="4.109375" style="512" customWidth="1"/>
    <col min="37" max="37" width="8.6640625" style="512" customWidth="1"/>
    <col min="38" max="38" width="4.109375" style="512" customWidth="1"/>
    <col min="39" max="39" width="8.6640625" style="512" customWidth="1"/>
    <col min="40" max="40" width="4.109375" style="512" customWidth="1"/>
    <col min="41" max="16384" width="9" style="512"/>
  </cols>
  <sheetData>
    <row r="1" spans="1:40" s="532" customFormat="1" ht="13.2" x14ac:dyDescent="0.2">
      <c r="A1" s="636" t="s">
        <v>401</v>
      </c>
      <c r="C1" s="511"/>
      <c r="D1" s="511"/>
      <c r="E1" s="534"/>
      <c r="F1" s="535"/>
      <c r="H1" s="643"/>
    </row>
    <row r="2" spans="1:40" s="532" customFormat="1" ht="10.5" customHeight="1" thickBot="1" x14ac:dyDescent="0.25">
      <c r="A2" s="511"/>
      <c r="B2" s="636"/>
      <c r="C2" s="511"/>
      <c r="D2" s="511"/>
      <c r="E2" s="534"/>
      <c r="F2" s="533"/>
      <c r="H2" s="643"/>
    </row>
    <row r="3" spans="1:40" ht="13.5" customHeight="1" x14ac:dyDescent="0.15">
      <c r="A3" s="1134" t="s">
        <v>237</v>
      </c>
      <c r="B3" s="1135"/>
      <c r="C3" s="1140" t="s">
        <v>400</v>
      </c>
      <c r="D3" s="1141"/>
      <c r="E3" s="1147" t="s">
        <v>387</v>
      </c>
      <c r="F3" s="1148"/>
      <c r="G3" s="1147" t="s">
        <v>386</v>
      </c>
      <c r="H3" s="1148"/>
      <c r="I3" s="1140" t="s">
        <v>399</v>
      </c>
      <c r="J3" s="1144"/>
      <c r="K3" s="1133"/>
      <c r="L3" s="644"/>
      <c r="M3" s="644"/>
      <c r="N3" s="644"/>
      <c r="O3" s="644"/>
      <c r="P3" s="644"/>
      <c r="Q3" s="644"/>
      <c r="R3" s="644"/>
      <c r="S3" s="644"/>
      <c r="T3" s="644"/>
      <c r="U3" s="644"/>
      <c r="V3" s="644"/>
      <c r="W3" s="644"/>
      <c r="X3" s="644"/>
      <c r="Y3" s="644"/>
      <c r="Z3" s="644"/>
      <c r="AA3" s="644"/>
      <c r="AB3" s="644"/>
      <c r="AC3" s="644"/>
      <c r="AD3" s="644"/>
      <c r="AE3" s="644"/>
      <c r="AF3" s="644"/>
      <c r="AG3" s="644"/>
      <c r="AH3" s="644"/>
      <c r="AI3" s="644"/>
      <c r="AJ3" s="644"/>
      <c r="AK3" s="644"/>
      <c r="AL3" s="644"/>
      <c r="AM3" s="644"/>
      <c r="AN3" s="644"/>
    </row>
    <row r="4" spans="1:40" ht="10.5" customHeight="1" x14ac:dyDescent="0.15">
      <c r="A4" s="1136"/>
      <c r="B4" s="1137"/>
      <c r="C4" s="1142"/>
      <c r="D4" s="1143"/>
      <c r="E4" s="1145"/>
      <c r="F4" s="1149"/>
      <c r="G4" s="1145"/>
      <c r="H4" s="1149"/>
      <c r="I4" s="1145"/>
      <c r="J4" s="1146"/>
      <c r="K4" s="1133"/>
      <c r="L4" s="644"/>
      <c r="M4" s="644"/>
      <c r="N4" s="644"/>
      <c r="O4" s="644"/>
      <c r="P4" s="644"/>
      <c r="Q4" s="644"/>
      <c r="R4" s="644"/>
      <c r="S4" s="644"/>
      <c r="T4" s="644"/>
      <c r="U4" s="644"/>
      <c r="V4" s="644"/>
      <c r="W4" s="644"/>
      <c r="X4" s="644"/>
      <c r="Y4" s="644"/>
      <c r="Z4" s="644"/>
      <c r="AA4" s="644"/>
      <c r="AB4" s="644"/>
      <c r="AC4" s="644"/>
      <c r="AD4" s="644"/>
      <c r="AE4" s="644"/>
      <c r="AF4" s="644"/>
      <c r="AG4" s="644"/>
      <c r="AH4" s="644"/>
      <c r="AI4" s="644"/>
      <c r="AJ4" s="644"/>
      <c r="AK4" s="644"/>
      <c r="AL4" s="644"/>
      <c r="AM4" s="644"/>
      <c r="AN4" s="644"/>
    </row>
    <row r="5" spans="1:40" s="294" customFormat="1" ht="15" customHeight="1" thickBot="1" x14ac:dyDescent="0.25">
      <c r="A5" s="1138"/>
      <c r="B5" s="1139"/>
      <c r="C5" s="531" t="s">
        <v>398</v>
      </c>
      <c r="D5" s="645" t="s">
        <v>397</v>
      </c>
      <c r="E5" s="530" t="s">
        <v>398</v>
      </c>
      <c r="F5" s="646" t="s">
        <v>397</v>
      </c>
      <c r="G5" s="529" t="s">
        <v>398</v>
      </c>
      <c r="H5" s="646" t="s">
        <v>397</v>
      </c>
      <c r="I5" s="529" t="s">
        <v>398</v>
      </c>
      <c r="J5" s="647" t="s">
        <v>397</v>
      </c>
      <c r="K5" s="1133"/>
      <c r="L5" s="648"/>
      <c r="M5" s="648"/>
      <c r="N5" s="648"/>
      <c r="O5" s="648"/>
      <c r="P5" s="648"/>
      <c r="Q5" s="648"/>
      <c r="R5" s="648"/>
      <c r="S5" s="648"/>
      <c r="T5" s="648"/>
      <c r="U5" s="420"/>
      <c r="V5" s="648"/>
      <c r="W5" s="648"/>
      <c r="X5" s="648"/>
      <c r="Y5" s="648"/>
      <c r="Z5" s="648"/>
      <c r="AA5" s="648"/>
      <c r="AB5" s="648"/>
      <c r="AC5" s="648"/>
      <c r="AD5" s="648"/>
      <c r="AE5" s="420"/>
      <c r="AF5" s="648"/>
      <c r="AG5" s="648"/>
      <c r="AH5" s="648"/>
      <c r="AI5" s="648"/>
      <c r="AJ5" s="648"/>
      <c r="AK5" s="648"/>
      <c r="AL5" s="648"/>
      <c r="AM5" s="648"/>
      <c r="AN5" s="648"/>
    </row>
    <row r="6" spans="1:40" ht="17.100000000000001" customHeight="1" thickTop="1" x14ac:dyDescent="0.15">
      <c r="A6" s="649">
        <v>1</v>
      </c>
      <c r="B6" s="650" t="s">
        <v>228</v>
      </c>
      <c r="C6" s="521">
        <v>356010</v>
      </c>
      <c r="D6" s="651">
        <v>16</v>
      </c>
      <c r="E6" s="526">
        <v>7928530</v>
      </c>
      <c r="F6" s="651">
        <v>1</v>
      </c>
      <c r="G6" s="521">
        <v>514923</v>
      </c>
      <c r="H6" s="651">
        <v>8</v>
      </c>
      <c r="I6" s="528">
        <v>356032</v>
      </c>
      <c r="J6" s="652">
        <v>16</v>
      </c>
      <c r="K6" s="653"/>
      <c r="L6" s="653"/>
      <c r="M6" s="653"/>
      <c r="N6" s="653"/>
      <c r="O6" s="653"/>
      <c r="P6" s="653"/>
      <c r="Q6" s="653"/>
      <c r="R6" s="653"/>
      <c r="S6" s="653"/>
      <c r="T6" s="653"/>
      <c r="U6" s="653"/>
      <c r="V6" s="653"/>
      <c r="W6" s="653"/>
      <c r="X6" s="653"/>
      <c r="Y6" s="653"/>
      <c r="Z6" s="653"/>
      <c r="AA6" s="653"/>
      <c r="AB6" s="653"/>
      <c r="AC6" s="653"/>
      <c r="AD6" s="653"/>
      <c r="AE6" s="653"/>
      <c r="AF6" s="653"/>
      <c r="AG6" s="653"/>
      <c r="AH6" s="653"/>
      <c r="AI6" s="653"/>
      <c r="AJ6" s="653"/>
      <c r="AK6" s="653"/>
      <c r="AL6" s="653"/>
      <c r="AM6" s="653"/>
      <c r="AN6" s="628"/>
    </row>
    <row r="7" spans="1:40" ht="17.100000000000001" customHeight="1" x14ac:dyDescent="0.15">
      <c r="A7" s="654">
        <v>2</v>
      </c>
      <c r="B7" s="650" t="s">
        <v>225</v>
      </c>
      <c r="C7" s="521">
        <v>341074</v>
      </c>
      <c r="D7" s="651">
        <v>23</v>
      </c>
      <c r="E7" s="526">
        <v>0</v>
      </c>
      <c r="F7" s="651">
        <v>6</v>
      </c>
      <c r="G7" s="521">
        <v>540112</v>
      </c>
      <c r="H7" s="651">
        <v>2</v>
      </c>
      <c r="I7" s="527">
        <v>341072</v>
      </c>
      <c r="J7" s="652">
        <v>23</v>
      </c>
      <c r="K7" s="653"/>
      <c r="L7" s="653"/>
      <c r="M7" s="653"/>
      <c r="N7" s="653"/>
      <c r="O7" s="653"/>
      <c r="P7" s="653"/>
      <c r="Q7" s="653"/>
      <c r="R7" s="653"/>
      <c r="S7" s="653"/>
      <c r="T7" s="653"/>
      <c r="U7" s="653"/>
      <c r="V7" s="653"/>
      <c r="W7" s="653"/>
      <c r="X7" s="653"/>
      <c r="Y7" s="653"/>
      <c r="Z7" s="653"/>
      <c r="AA7" s="653"/>
      <c r="AB7" s="653"/>
      <c r="AC7" s="653"/>
      <c r="AD7" s="653"/>
      <c r="AE7" s="653"/>
      <c r="AF7" s="653"/>
      <c r="AG7" s="653"/>
      <c r="AH7" s="653"/>
      <c r="AI7" s="653"/>
      <c r="AJ7" s="653"/>
      <c r="AK7" s="653"/>
      <c r="AL7" s="653"/>
      <c r="AM7" s="653"/>
      <c r="AN7" s="628"/>
    </row>
    <row r="8" spans="1:40" ht="17.100000000000001" customHeight="1" x14ac:dyDescent="0.15">
      <c r="A8" s="654">
        <v>3</v>
      </c>
      <c r="B8" s="650" t="s">
        <v>223</v>
      </c>
      <c r="C8" s="521">
        <v>375920</v>
      </c>
      <c r="D8" s="651">
        <v>8</v>
      </c>
      <c r="E8" s="526">
        <v>-42910</v>
      </c>
      <c r="F8" s="651">
        <v>33</v>
      </c>
      <c r="G8" s="521">
        <v>521157</v>
      </c>
      <c r="H8" s="651">
        <v>5</v>
      </c>
      <c r="I8" s="521">
        <v>375915</v>
      </c>
      <c r="J8" s="652">
        <v>8</v>
      </c>
      <c r="K8" s="653"/>
      <c r="L8" s="653"/>
      <c r="M8" s="653"/>
      <c r="N8" s="653"/>
      <c r="O8" s="653"/>
      <c r="P8" s="653"/>
      <c r="Q8" s="653"/>
      <c r="R8" s="653"/>
      <c r="S8" s="653"/>
      <c r="T8" s="653"/>
      <c r="U8" s="653"/>
      <c r="V8" s="653"/>
      <c r="W8" s="653"/>
      <c r="X8" s="653"/>
      <c r="Y8" s="653"/>
      <c r="Z8" s="653"/>
      <c r="AA8" s="653"/>
      <c r="AB8" s="653"/>
      <c r="AC8" s="653"/>
      <c r="AD8" s="653"/>
      <c r="AE8" s="653"/>
      <c r="AF8" s="653"/>
      <c r="AG8" s="653"/>
      <c r="AH8" s="653"/>
      <c r="AI8" s="653"/>
      <c r="AJ8" s="653"/>
      <c r="AK8" s="653"/>
      <c r="AL8" s="653"/>
      <c r="AM8" s="653"/>
      <c r="AN8" s="628"/>
    </row>
    <row r="9" spans="1:40" ht="17.100000000000001" customHeight="1" x14ac:dyDescent="0.15">
      <c r="A9" s="654">
        <v>4</v>
      </c>
      <c r="B9" s="650" t="s">
        <v>221</v>
      </c>
      <c r="C9" s="521">
        <v>352741</v>
      </c>
      <c r="D9" s="651">
        <v>19</v>
      </c>
      <c r="E9" s="526">
        <v>0</v>
      </c>
      <c r="F9" s="651">
        <v>6</v>
      </c>
      <c r="G9" s="521">
        <v>482677</v>
      </c>
      <c r="H9" s="651">
        <v>20</v>
      </c>
      <c r="I9" s="521">
        <v>352741</v>
      </c>
      <c r="J9" s="652">
        <v>19</v>
      </c>
      <c r="K9" s="653"/>
      <c r="L9" s="653"/>
      <c r="M9" s="653"/>
      <c r="N9" s="653"/>
      <c r="O9" s="653"/>
      <c r="P9" s="653"/>
      <c r="Q9" s="653"/>
      <c r="R9" s="653"/>
      <c r="S9" s="653"/>
      <c r="T9" s="653"/>
      <c r="U9" s="653"/>
      <c r="V9" s="653"/>
      <c r="W9" s="653"/>
      <c r="X9" s="653"/>
      <c r="Y9" s="653"/>
      <c r="Z9" s="653"/>
      <c r="AA9" s="653"/>
      <c r="AB9" s="653"/>
      <c r="AC9" s="653"/>
      <c r="AD9" s="653"/>
      <c r="AE9" s="653"/>
      <c r="AF9" s="653"/>
      <c r="AG9" s="653"/>
      <c r="AH9" s="653"/>
      <c r="AI9" s="653"/>
      <c r="AJ9" s="653"/>
      <c r="AK9" s="653"/>
      <c r="AL9" s="653"/>
      <c r="AM9" s="653"/>
      <c r="AN9" s="628"/>
    </row>
    <row r="10" spans="1:40" ht="17.100000000000001" customHeight="1" x14ac:dyDescent="0.15">
      <c r="A10" s="654">
        <v>5</v>
      </c>
      <c r="B10" s="650" t="s">
        <v>219</v>
      </c>
      <c r="C10" s="521">
        <v>338026</v>
      </c>
      <c r="D10" s="651">
        <v>28</v>
      </c>
      <c r="E10" s="526">
        <v>364067</v>
      </c>
      <c r="F10" s="651">
        <v>3</v>
      </c>
      <c r="G10" s="521">
        <v>474091</v>
      </c>
      <c r="H10" s="651">
        <v>24</v>
      </c>
      <c r="I10" s="521">
        <v>338028</v>
      </c>
      <c r="J10" s="652">
        <v>28</v>
      </c>
      <c r="K10" s="653"/>
      <c r="L10" s="653"/>
      <c r="M10" s="653"/>
      <c r="N10" s="653"/>
      <c r="O10" s="653"/>
      <c r="P10" s="653"/>
      <c r="Q10" s="653"/>
      <c r="R10" s="653"/>
      <c r="S10" s="653"/>
      <c r="T10" s="653"/>
      <c r="U10" s="653"/>
      <c r="V10" s="653"/>
      <c r="W10" s="653"/>
      <c r="X10" s="653"/>
      <c r="Y10" s="653"/>
      <c r="Z10" s="653"/>
      <c r="AA10" s="653"/>
      <c r="AB10" s="653"/>
      <c r="AC10" s="653"/>
      <c r="AD10" s="653"/>
      <c r="AE10" s="653"/>
      <c r="AF10" s="653"/>
      <c r="AG10" s="653"/>
      <c r="AH10" s="653"/>
      <c r="AI10" s="653"/>
      <c r="AJ10" s="653"/>
      <c r="AK10" s="653"/>
      <c r="AL10" s="653"/>
      <c r="AM10" s="653"/>
      <c r="AN10" s="628"/>
    </row>
    <row r="11" spans="1:40" ht="17.100000000000001" customHeight="1" x14ac:dyDescent="0.15">
      <c r="A11" s="654">
        <v>6</v>
      </c>
      <c r="B11" s="650" t="s">
        <v>217</v>
      </c>
      <c r="C11" s="521">
        <v>334980</v>
      </c>
      <c r="D11" s="651">
        <v>29</v>
      </c>
      <c r="E11" s="526">
        <v>0</v>
      </c>
      <c r="F11" s="651">
        <v>6</v>
      </c>
      <c r="G11" s="521">
        <v>488313</v>
      </c>
      <c r="H11" s="651">
        <v>14</v>
      </c>
      <c r="I11" s="521">
        <v>334982</v>
      </c>
      <c r="J11" s="652">
        <v>29</v>
      </c>
      <c r="K11" s="653"/>
      <c r="L11" s="653"/>
      <c r="M11" s="653"/>
      <c r="N11" s="653"/>
      <c r="O11" s="653"/>
      <c r="P11" s="653"/>
      <c r="Q11" s="653"/>
      <c r="R11" s="653"/>
      <c r="S11" s="653"/>
      <c r="T11" s="653"/>
      <c r="U11" s="653"/>
      <c r="V11" s="653"/>
      <c r="W11" s="653"/>
      <c r="X11" s="653"/>
      <c r="Y11" s="653"/>
      <c r="Z11" s="653"/>
      <c r="AA11" s="653"/>
      <c r="AB11" s="653"/>
      <c r="AC11" s="653"/>
      <c r="AD11" s="653"/>
      <c r="AE11" s="653"/>
      <c r="AF11" s="653"/>
      <c r="AG11" s="653"/>
      <c r="AH11" s="653"/>
      <c r="AI11" s="653"/>
      <c r="AJ11" s="653"/>
      <c r="AK11" s="653"/>
      <c r="AL11" s="653"/>
      <c r="AM11" s="653"/>
      <c r="AN11" s="628"/>
    </row>
    <row r="12" spans="1:40" ht="17.100000000000001" customHeight="1" x14ac:dyDescent="0.15">
      <c r="A12" s="654">
        <v>7</v>
      </c>
      <c r="B12" s="650" t="s">
        <v>215</v>
      </c>
      <c r="C12" s="521">
        <v>385066</v>
      </c>
      <c r="D12" s="651">
        <v>4</v>
      </c>
      <c r="E12" s="526">
        <v>73262</v>
      </c>
      <c r="F12" s="651">
        <v>5</v>
      </c>
      <c r="G12" s="521">
        <v>520897</v>
      </c>
      <c r="H12" s="651">
        <v>6</v>
      </c>
      <c r="I12" s="521">
        <v>385058</v>
      </c>
      <c r="J12" s="652">
        <v>4</v>
      </c>
      <c r="K12" s="653"/>
      <c r="L12" s="653"/>
      <c r="M12" s="653"/>
      <c r="N12" s="653"/>
      <c r="O12" s="653"/>
      <c r="P12" s="653"/>
      <c r="Q12" s="653"/>
      <c r="R12" s="653"/>
      <c r="S12" s="653"/>
      <c r="T12" s="653"/>
      <c r="U12" s="653"/>
      <c r="V12" s="653"/>
      <c r="W12" s="653"/>
      <c r="X12" s="653"/>
      <c r="Y12" s="653"/>
      <c r="Z12" s="653"/>
      <c r="AA12" s="653"/>
      <c r="AB12" s="653"/>
      <c r="AC12" s="653"/>
      <c r="AD12" s="653"/>
      <c r="AE12" s="653"/>
      <c r="AF12" s="653"/>
      <c r="AG12" s="653"/>
      <c r="AH12" s="653"/>
      <c r="AI12" s="653"/>
      <c r="AJ12" s="653"/>
      <c r="AK12" s="653"/>
      <c r="AL12" s="653"/>
      <c r="AM12" s="653"/>
      <c r="AN12" s="628"/>
    </row>
    <row r="13" spans="1:40" ht="17.100000000000001" customHeight="1" x14ac:dyDescent="0.15">
      <c r="A13" s="654">
        <v>8</v>
      </c>
      <c r="B13" s="650" t="s">
        <v>213</v>
      </c>
      <c r="C13" s="521">
        <v>338202</v>
      </c>
      <c r="D13" s="651">
        <v>27</v>
      </c>
      <c r="E13" s="526">
        <v>0</v>
      </c>
      <c r="F13" s="651">
        <v>6</v>
      </c>
      <c r="G13" s="521">
        <v>477148</v>
      </c>
      <c r="H13" s="651">
        <v>23</v>
      </c>
      <c r="I13" s="521">
        <v>338207</v>
      </c>
      <c r="J13" s="652">
        <v>27</v>
      </c>
      <c r="K13" s="653"/>
      <c r="L13" s="653"/>
      <c r="M13" s="653"/>
      <c r="N13" s="653"/>
      <c r="O13" s="653"/>
      <c r="P13" s="653"/>
      <c r="Q13" s="653"/>
      <c r="R13" s="653"/>
      <c r="S13" s="653"/>
      <c r="T13" s="653"/>
      <c r="U13" s="653"/>
      <c r="V13" s="653"/>
      <c r="W13" s="653"/>
      <c r="X13" s="653"/>
      <c r="Y13" s="653"/>
      <c r="Z13" s="653"/>
      <c r="AA13" s="653"/>
      <c r="AB13" s="653"/>
      <c r="AC13" s="653"/>
      <c r="AD13" s="653"/>
      <c r="AE13" s="653"/>
      <c r="AF13" s="653"/>
      <c r="AG13" s="653"/>
      <c r="AH13" s="653"/>
      <c r="AI13" s="653"/>
      <c r="AJ13" s="653"/>
      <c r="AK13" s="653"/>
      <c r="AL13" s="653"/>
      <c r="AM13" s="653"/>
      <c r="AN13" s="628"/>
    </row>
    <row r="14" spans="1:40" ht="17.100000000000001" customHeight="1" x14ac:dyDescent="0.15">
      <c r="A14" s="654">
        <v>9</v>
      </c>
      <c r="B14" s="650" t="s">
        <v>211</v>
      </c>
      <c r="C14" s="521">
        <v>361233</v>
      </c>
      <c r="D14" s="651">
        <v>14</v>
      </c>
      <c r="E14" s="526">
        <v>0</v>
      </c>
      <c r="F14" s="651">
        <v>6</v>
      </c>
      <c r="G14" s="521">
        <v>516202</v>
      </c>
      <c r="H14" s="651">
        <v>7</v>
      </c>
      <c r="I14" s="521">
        <v>361233</v>
      </c>
      <c r="J14" s="652">
        <v>14</v>
      </c>
      <c r="K14" s="653"/>
      <c r="L14" s="653"/>
      <c r="M14" s="653"/>
      <c r="N14" s="653"/>
      <c r="O14" s="653"/>
      <c r="P14" s="653"/>
      <c r="Q14" s="653"/>
      <c r="R14" s="653"/>
      <c r="S14" s="653"/>
      <c r="T14" s="653"/>
      <c r="U14" s="653"/>
      <c r="V14" s="653"/>
      <c r="W14" s="653"/>
      <c r="X14" s="653"/>
      <c r="Y14" s="653"/>
      <c r="Z14" s="653"/>
      <c r="AA14" s="653"/>
      <c r="AB14" s="653"/>
      <c r="AC14" s="653"/>
      <c r="AD14" s="653"/>
      <c r="AE14" s="653"/>
      <c r="AF14" s="653"/>
      <c r="AG14" s="653"/>
      <c r="AH14" s="653"/>
      <c r="AI14" s="653"/>
      <c r="AJ14" s="653"/>
      <c r="AK14" s="653"/>
      <c r="AL14" s="653"/>
      <c r="AM14" s="653"/>
      <c r="AN14" s="628"/>
    </row>
    <row r="15" spans="1:40" ht="17.100000000000001" customHeight="1" x14ac:dyDescent="0.15">
      <c r="A15" s="654">
        <v>10</v>
      </c>
      <c r="B15" s="650" t="s">
        <v>209</v>
      </c>
      <c r="C15" s="521">
        <v>341825</v>
      </c>
      <c r="D15" s="651">
        <v>22</v>
      </c>
      <c r="E15" s="526">
        <v>1184265</v>
      </c>
      <c r="F15" s="651">
        <v>2</v>
      </c>
      <c r="G15" s="521">
        <v>487714</v>
      </c>
      <c r="H15" s="651">
        <v>15</v>
      </c>
      <c r="I15" s="521">
        <v>341831</v>
      </c>
      <c r="J15" s="652">
        <v>22</v>
      </c>
      <c r="K15" s="653"/>
      <c r="L15" s="653"/>
      <c r="M15" s="653"/>
      <c r="N15" s="653"/>
      <c r="O15" s="653"/>
      <c r="P15" s="653"/>
      <c r="Q15" s="653"/>
      <c r="R15" s="653"/>
      <c r="S15" s="653"/>
      <c r="T15" s="653"/>
      <c r="U15" s="653"/>
      <c r="V15" s="653"/>
      <c r="W15" s="653"/>
      <c r="X15" s="653"/>
      <c r="Y15" s="653"/>
      <c r="Z15" s="653"/>
      <c r="AA15" s="653"/>
      <c r="AB15" s="653"/>
      <c r="AC15" s="653"/>
      <c r="AD15" s="653"/>
      <c r="AE15" s="653"/>
      <c r="AF15" s="653"/>
      <c r="AG15" s="653"/>
      <c r="AH15" s="653"/>
      <c r="AI15" s="653"/>
      <c r="AJ15" s="653"/>
      <c r="AK15" s="653"/>
      <c r="AL15" s="653"/>
      <c r="AM15" s="653"/>
      <c r="AN15" s="628"/>
    </row>
    <row r="16" spans="1:40" ht="17.100000000000001" customHeight="1" x14ac:dyDescent="0.15">
      <c r="A16" s="654">
        <v>11</v>
      </c>
      <c r="B16" s="650" t="s">
        <v>207</v>
      </c>
      <c r="C16" s="521">
        <v>366463</v>
      </c>
      <c r="D16" s="651">
        <v>13</v>
      </c>
      <c r="E16" s="526">
        <v>0</v>
      </c>
      <c r="F16" s="651">
        <v>6</v>
      </c>
      <c r="G16" s="521">
        <v>521234</v>
      </c>
      <c r="H16" s="651">
        <v>4</v>
      </c>
      <c r="I16" s="521">
        <v>366473</v>
      </c>
      <c r="J16" s="652">
        <v>13</v>
      </c>
      <c r="K16" s="653"/>
      <c r="L16" s="653"/>
      <c r="M16" s="653"/>
      <c r="N16" s="653"/>
      <c r="O16" s="653"/>
      <c r="P16" s="653"/>
      <c r="Q16" s="653"/>
      <c r="R16" s="653"/>
      <c r="S16" s="653"/>
      <c r="T16" s="653"/>
      <c r="U16" s="653"/>
      <c r="V16" s="653"/>
      <c r="W16" s="653"/>
      <c r="X16" s="653"/>
      <c r="Y16" s="653"/>
      <c r="Z16" s="653"/>
      <c r="AA16" s="653"/>
      <c r="AB16" s="653"/>
      <c r="AC16" s="653"/>
      <c r="AD16" s="653"/>
      <c r="AE16" s="653"/>
      <c r="AF16" s="653"/>
      <c r="AG16" s="653"/>
      <c r="AH16" s="653"/>
      <c r="AI16" s="653"/>
      <c r="AJ16" s="653"/>
      <c r="AK16" s="653"/>
      <c r="AL16" s="653"/>
      <c r="AM16" s="653"/>
      <c r="AN16" s="628"/>
    </row>
    <row r="17" spans="1:40" ht="17.100000000000001" customHeight="1" x14ac:dyDescent="0.15">
      <c r="A17" s="654">
        <v>12</v>
      </c>
      <c r="B17" s="650" t="s">
        <v>205</v>
      </c>
      <c r="C17" s="521">
        <v>348831</v>
      </c>
      <c r="D17" s="651">
        <v>20</v>
      </c>
      <c r="E17" s="526">
        <v>0</v>
      </c>
      <c r="F17" s="651">
        <v>6</v>
      </c>
      <c r="G17" s="521">
        <v>467508</v>
      </c>
      <c r="H17" s="651">
        <v>26</v>
      </c>
      <c r="I17" s="521">
        <v>348834</v>
      </c>
      <c r="J17" s="652">
        <v>20</v>
      </c>
      <c r="K17" s="653"/>
      <c r="L17" s="653"/>
      <c r="M17" s="653"/>
      <c r="N17" s="653"/>
      <c r="O17" s="653"/>
      <c r="P17" s="653"/>
      <c r="Q17" s="653"/>
      <c r="R17" s="653"/>
      <c r="S17" s="653"/>
      <c r="T17" s="653"/>
      <c r="U17" s="653"/>
      <c r="V17" s="653"/>
      <c r="W17" s="653"/>
      <c r="X17" s="653"/>
      <c r="Y17" s="653"/>
      <c r="Z17" s="653"/>
      <c r="AA17" s="653"/>
      <c r="AB17" s="653"/>
      <c r="AC17" s="653"/>
      <c r="AD17" s="653"/>
      <c r="AE17" s="653"/>
      <c r="AF17" s="653"/>
      <c r="AG17" s="653"/>
      <c r="AH17" s="653"/>
      <c r="AI17" s="653"/>
      <c r="AJ17" s="653"/>
      <c r="AK17" s="653"/>
      <c r="AL17" s="653"/>
      <c r="AM17" s="653"/>
      <c r="AN17" s="628"/>
    </row>
    <row r="18" spans="1:40" ht="17.100000000000001" customHeight="1" x14ac:dyDescent="0.15">
      <c r="A18" s="654">
        <v>13</v>
      </c>
      <c r="B18" s="650" t="s">
        <v>203</v>
      </c>
      <c r="C18" s="521">
        <v>338548</v>
      </c>
      <c r="D18" s="651">
        <v>25</v>
      </c>
      <c r="E18" s="526">
        <v>0</v>
      </c>
      <c r="F18" s="651">
        <v>6</v>
      </c>
      <c r="G18" s="521">
        <v>471232</v>
      </c>
      <c r="H18" s="651">
        <v>25</v>
      </c>
      <c r="I18" s="521">
        <v>338550</v>
      </c>
      <c r="J18" s="652">
        <v>25</v>
      </c>
      <c r="K18" s="653"/>
      <c r="L18" s="653"/>
      <c r="M18" s="653"/>
      <c r="N18" s="653"/>
      <c r="O18" s="653"/>
      <c r="P18" s="653"/>
      <c r="Q18" s="653"/>
      <c r="R18" s="653"/>
      <c r="S18" s="653"/>
      <c r="T18" s="653"/>
      <c r="U18" s="653"/>
      <c r="V18" s="653"/>
      <c r="W18" s="653"/>
      <c r="X18" s="653"/>
      <c r="Y18" s="653"/>
      <c r="Z18" s="653"/>
      <c r="AA18" s="653"/>
      <c r="AB18" s="653"/>
      <c r="AC18" s="653"/>
      <c r="AD18" s="653"/>
      <c r="AE18" s="653"/>
      <c r="AF18" s="653"/>
      <c r="AG18" s="653"/>
      <c r="AH18" s="653"/>
      <c r="AI18" s="653"/>
      <c r="AJ18" s="653"/>
      <c r="AK18" s="653"/>
      <c r="AL18" s="653"/>
      <c r="AM18" s="653"/>
      <c r="AN18" s="628"/>
    </row>
    <row r="19" spans="1:40" ht="17.100000000000001" customHeight="1" x14ac:dyDescent="0.15">
      <c r="A19" s="654">
        <v>14</v>
      </c>
      <c r="B19" s="650" t="s">
        <v>201</v>
      </c>
      <c r="C19" s="521">
        <v>333279</v>
      </c>
      <c r="D19" s="651">
        <v>30</v>
      </c>
      <c r="E19" s="526">
        <v>0</v>
      </c>
      <c r="F19" s="651">
        <v>6</v>
      </c>
      <c r="G19" s="521">
        <v>501393</v>
      </c>
      <c r="H19" s="651">
        <v>10</v>
      </c>
      <c r="I19" s="521">
        <v>333279</v>
      </c>
      <c r="J19" s="652">
        <v>30</v>
      </c>
      <c r="K19" s="653"/>
      <c r="L19" s="653"/>
      <c r="M19" s="653"/>
      <c r="N19" s="653"/>
      <c r="O19" s="653"/>
      <c r="P19" s="653"/>
      <c r="Q19" s="653"/>
      <c r="R19" s="653"/>
      <c r="S19" s="653"/>
      <c r="T19" s="653"/>
      <c r="U19" s="653"/>
      <c r="V19" s="653"/>
      <c r="W19" s="653"/>
      <c r="X19" s="653"/>
      <c r="Y19" s="653"/>
      <c r="Z19" s="653"/>
      <c r="AA19" s="653"/>
      <c r="AB19" s="653"/>
      <c r="AC19" s="653"/>
      <c r="AD19" s="653"/>
      <c r="AE19" s="653"/>
      <c r="AF19" s="653"/>
      <c r="AG19" s="653"/>
      <c r="AH19" s="653"/>
      <c r="AI19" s="653"/>
      <c r="AJ19" s="653"/>
      <c r="AK19" s="653"/>
      <c r="AL19" s="653"/>
      <c r="AM19" s="653"/>
      <c r="AN19" s="628"/>
    </row>
    <row r="20" spans="1:40" ht="17.100000000000001" customHeight="1" x14ac:dyDescent="0.15">
      <c r="A20" s="654">
        <v>15</v>
      </c>
      <c r="B20" s="650" t="s">
        <v>199</v>
      </c>
      <c r="C20" s="521">
        <v>371843</v>
      </c>
      <c r="D20" s="651">
        <v>11</v>
      </c>
      <c r="E20" s="526">
        <v>0</v>
      </c>
      <c r="F20" s="651">
        <v>6</v>
      </c>
      <c r="G20" s="521">
        <v>511581</v>
      </c>
      <c r="H20" s="651">
        <v>9</v>
      </c>
      <c r="I20" s="521">
        <v>371845</v>
      </c>
      <c r="J20" s="652">
        <v>11</v>
      </c>
      <c r="K20" s="653"/>
      <c r="L20" s="653"/>
      <c r="M20" s="653"/>
      <c r="N20" s="653"/>
      <c r="O20" s="653"/>
      <c r="P20" s="653"/>
      <c r="Q20" s="653"/>
      <c r="R20" s="653"/>
      <c r="S20" s="653"/>
      <c r="T20" s="653"/>
      <c r="U20" s="653"/>
      <c r="V20" s="653"/>
      <c r="W20" s="653"/>
      <c r="X20" s="653"/>
      <c r="Y20" s="653"/>
      <c r="Z20" s="653"/>
      <c r="AA20" s="653"/>
      <c r="AB20" s="653"/>
      <c r="AC20" s="653"/>
      <c r="AD20" s="653"/>
      <c r="AE20" s="653"/>
      <c r="AF20" s="653"/>
      <c r="AG20" s="653"/>
      <c r="AH20" s="653"/>
      <c r="AI20" s="653"/>
      <c r="AJ20" s="653"/>
      <c r="AK20" s="653"/>
      <c r="AL20" s="653"/>
      <c r="AM20" s="653"/>
      <c r="AN20" s="628"/>
    </row>
    <row r="21" spans="1:40" ht="17.100000000000001" customHeight="1" x14ac:dyDescent="0.15">
      <c r="A21" s="654">
        <v>16</v>
      </c>
      <c r="B21" s="650" t="s">
        <v>197</v>
      </c>
      <c r="C21" s="521">
        <v>338473</v>
      </c>
      <c r="D21" s="651">
        <v>26</v>
      </c>
      <c r="E21" s="526">
        <v>0</v>
      </c>
      <c r="F21" s="651">
        <v>6</v>
      </c>
      <c r="G21" s="521">
        <v>460658</v>
      </c>
      <c r="H21" s="651">
        <v>30</v>
      </c>
      <c r="I21" s="521">
        <v>338471</v>
      </c>
      <c r="J21" s="652">
        <v>26</v>
      </c>
      <c r="K21" s="653"/>
      <c r="L21" s="653"/>
      <c r="M21" s="653"/>
      <c r="N21" s="653"/>
      <c r="O21" s="653"/>
      <c r="P21" s="653"/>
      <c r="Q21" s="653"/>
      <c r="R21" s="653"/>
      <c r="S21" s="653"/>
      <c r="T21" s="653"/>
      <c r="U21" s="653"/>
      <c r="V21" s="653"/>
      <c r="W21" s="653"/>
      <c r="X21" s="653"/>
      <c r="Y21" s="653"/>
      <c r="Z21" s="653"/>
      <c r="AA21" s="653"/>
      <c r="AB21" s="653"/>
      <c r="AC21" s="653"/>
      <c r="AD21" s="653"/>
      <c r="AE21" s="653"/>
      <c r="AF21" s="653"/>
      <c r="AG21" s="653"/>
      <c r="AH21" s="653"/>
      <c r="AI21" s="653"/>
      <c r="AJ21" s="653"/>
      <c r="AK21" s="653"/>
      <c r="AL21" s="653"/>
      <c r="AM21" s="653"/>
      <c r="AN21" s="628"/>
    </row>
    <row r="22" spans="1:40" ht="17.100000000000001" customHeight="1" x14ac:dyDescent="0.15">
      <c r="A22" s="654">
        <v>17</v>
      </c>
      <c r="B22" s="650" t="s">
        <v>195</v>
      </c>
      <c r="C22" s="521">
        <v>333216</v>
      </c>
      <c r="D22" s="651">
        <v>31</v>
      </c>
      <c r="E22" s="526">
        <v>0</v>
      </c>
      <c r="F22" s="651">
        <v>6</v>
      </c>
      <c r="G22" s="521">
        <v>478326</v>
      </c>
      <c r="H22" s="651">
        <v>22</v>
      </c>
      <c r="I22" s="521">
        <v>333197</v>
      </c>
      <c r="J22" s="652">
        <v>31</v>
      </c>
      <c r="K22" s="653"/>
      <c r="L22" s="653"/>
      <c r="M22" s="653"/>
      <c r="N22" s="653"/>
      <c r="O22" s="653"/>
      <c r="P22" s="653"/>
      <c r="Q22" s="653"/>
      <c r="R22" s="653"/>
      <c r="S22" s="653"/>
      <c r="T22" s="653"/>
      <c r="U22" s="653"/>
      <c r="V22" s="653"/>
      <c r="W22" s="653"/>
      <c r="X22" s="653"/>
      <c r="Y22" s="653"/>
      <c r="Z22" s="653"/>
      <c r="AA22" s="653"/>
      <c r="AB22" s="653"/>
      <c r="AC22" s="653"/>
      <c r="AD22" s="653"/>
      <c r="AE22" s="653"/>
      <c r="AF22" s="653"/>
      <c r="AG22" s="653"/>
      <c r="AH22" s="653"/>
      <c r="AI22" s="653"/>
      <c r="AJ22" s="653"/>
      <c r="AK22" s="653"/>
      <c r="AL22" s="653"/>
      <c r="AM22" s="653"/>
      <c r="AN22" s="628"/>
    </row>
    <row r="23" spans="1:40" ht="17.100000000000001" customHeight="1" x14ac:dyDescent="0.15">
      <c r="A23" s="654">
        <v>18</v>
      </c>
      <c r="B23" s="650" t="s">
        <v>193</v>
      </c>
      <c r="C23" s="521">
        <v>368566</v>
      </c>
      <c r="D23" s="651">
        <v>12</v>
      </c>
      <c r="E23" s="526">
        <v>212160</v>
      </c>
      <c r="F23" s="651">
        <v>4</v>
      </c>
      <c r="G23" s="521">
        <v>463578</v>
      </c>
      <c r="H23" s="651">
        <v>28</v>
      </c>
      <c r="I23" s="521">
        <v>368549</v>
      </c>
      <c r="J23" s="652">
        <v>12</v>
      </c>
      <c r="K23" s="653"/>
      <c r="L23" s="653"/>
      <c r="M23" s="653"/>
      <c r="N23" s="653"/>
      <c r="O23" s="653"/>
      <c r="P23" s="653"/>
      <c r="Q23" s="653"/>
      <c r="R23" s="653"/>
      <c r="S23" s="653"/>
      <c r="T23" s="653"/>
      <c r="U23" s="653"/>
      <c r="V23" s="653"/>
      <c r="W23" s="653"/>
      <c r="X23" s="653"/>
      <c r="Y23" s="653"/>
      <c r="Z23" s="653"/>
      <c r="AA23" s="653"/>
      <c r="AB23" s="653"/>
      <c r="AC23" s="653"/>
      <c r="AD23" s="653"/>
      <c r="AE23" s="653"/>
      <c r="AF23" s="653"/>
      <c r="AG23" s="653"/>
      <c r="AH23" s="653"/>
      <c r="AI23" s="653"/>
      <c r="AJ23" s="653"/>
      <c r="AK23" s="653"/>
      <c r="AL23" s="653"/>
      <c r="AM23" s="653"/>
      <c r="AN23" s="628"/>
    </row>
    <row r="24" spans="1:40" ht="17.100000000000001" customHeight="1" x14ac:dyDescent="0.15">
      <c r="A24" s="649">
        <v>19</v>
      </c>
      <c r="B24" s="655" t="s">
        <v>191</v>
      </c>
      <c r="C24" s="521">
        <v>315780</v>
      </c>
      <c r="D24" s="651">
        <v>32</v>
      </c>
      <c r="E24" s="526">
        <v>0</v>
      </c>
      <c r="F24" s="651">
        <v>6</v>
      </c>
      <c r="G24" s="521">
        <v>478679</v>
      </c>
      <c r="H24" s="651">
        <v>21</v>
      </c>
      <c r="I24" s="521">
        <v>315788</v>
      </c>
      <c r="J24" s="652">
        <v>32</v>
      </c>
      <c r="K24" s="653"/>
      <c r="L24" s="653"/>
      <c r="M24" s="653"/>
      <c r="N24" s="653"/>
      <c r="O24" s="653"/>
      <c r="P24" s="653"/>
      <c r="Q24" s="653"/>
      <c r="R24" s="653"/>
      <c r="S24" s="653"/>
      <c r="T24" s="653"/>
      <c r="U24" s="653"/>
      <c r="V24" s="653"/>
      <c r="W24" s="653"/>
      <c r="X24" s="653"/>
      <c r="Y24" s="653"/>
      <c r="Z24" s="653"/>
      <c r="AA24" s="653"/>
      <c r="AB24" s="653"/>
      <c r="AC24" s="653"/>
      <c r="AD24" s="653"/>
      <c r="AE24" s="653"/>
      <c r="AF24" s="653"/>
      <c r="AG24" s="653"/>
      <c r="AH24" s="653"/>
      <c r="AI24" s="653"/>
      <c r="AJ24" s="653"/>
      <c r="AK24" s="653"/>
      <c r="AL24" s="653"/>
      <c r="AM24" s="653"/>
      <c r="AN24" s="628"/>
    </row>
    <row r="25" spans="1:40" ht="17.100000000000001" customHeight="1" x14ac:dyDescent="0.15">
      <c r="A25" s="654">
        <v>20</v>
      </c>
      <c r="B25" s="650" t="s">
        <v>188</v>
      </c>
      <c r="C25" s="521">
        <v>355177</v>
      </c>
      <c r="D25" s="651">
        <v>18</v>
      </c>
      <c r="E25" s="526">
        <v>0</v>
      </c>
      <c r="F25" s="651">
        <v>6</v>
      </c>
      <c r="G25" s="521">
        <v>484670</v>
      </c>
      <c r="H25" s="651">
        <v>19</v>
      </c>
      <c r="I25" s="521">
        <v>355176</v>
      </c>
      <c r="J25" s="652">
        <v>18</v>
      </c>
      <c r="K25" s="653"/>
      <c r="L25" s="653"/>
      <c r="M25" s="653"/>
      <c r="N25" s="653"/>
      <c r="O25" s="653"/>
      <c r="P25" s="653"/>
      <c r="Q25" s="653"/>
      <c r="R25" s="653"/>
      <c r="S25" s="653"/>
      <c r="T25" s="653"/>
      <c r="U25" s="653"/>
      <c r="V25" s="653"/>
      <c r="W25" s="653"/>
      <c r="X25" s="653"/>
      <c r="Y25" s="653"/>
      <c r="Z25" s="653"/>
      <c r="AA25" s="653"/>
      <c r="AB25" s="653"/>
      <c r="AC25" s="653"/>
      <c r="AD25" s="653"/>
      <c r="AE25" s="653"/>
      <c r="AF25" s="653"/>
      <c r="AG25" s="653"/>
      <c r="AH25" s="653"/>
      <c r="AI25" s="653"/>
      <c r="AJ25" s="653"/>
      <c r="AK25" s="653"/>
      <c r="AL25" s="653"/>
      <c r="AM25" s="653"/>
      <c r="AN25" s="628"/>
    </row>
    <row r="26" spans="1:40" ht="17.100000000000001" customHeight="1" x14ac:dyDescent="0.15">
      <c r="A26" s="654">
        <v>21</v>
      </c>
      <c r="B26" s="650" t="s">
        <v>186</v>
      </c>
      <c r="C26" s="521">
        <v>340549</v>
      </c>
      <c r="D26" s="651">
        <v>24</v>
      </c>
      <c r="E26" s="526">
        <v>0</v>
      </c>
      <c r="F26" s="651">
        <v>6</v>
      </c>
      <c r="G26" s="521">
        <v>484944</v>
      </c>
      <c r="H26" s="651">
        <v>18</v>
      </c>
      <c r="I26" s="521">
        <v>340535</v>
      </c>
      <c r="J26" s="656">
        <v>24</v>
      </c>
      <c r="K26" s="653"/>
      <c r="L26" s="653"/>
      <c r="M26" s="653"/>
      <c r="N26" s="653"/>
      <c r="O26" s="653"/>
      <c r="P26" s="653"/>
      <c r="Q26" s="653"/>
      <c r="R26" s="653"/>
      <c r="S26" s="653"/>
      <c r="T26" s="653"/>
      <c r="U26" s="653"/>
      <c r="V26" s="653"/>
      <c r="W26" s="653"/>
      <c r="X26" s="653"/>
      <c r="Y26" s="653"/>
      <c r="Z26" s="653"/>
      <c r="AA26" s="653"/>
      <c r="AB26" s="653"/>
      <c r="AC26" s="653"/>
      <c r="AD26" s="653"/>
      <c r="AE26" s="653"/>
      <c r="AF26" s="653"/>
      <c r="AG26" s="653"/>
      <c r="AH26" s="653"/>
      <c r="AI26" s="653"/>
      <c r="AJ26" s="653"/>
      <c r="AK26" s="653"/>
      <c r="AL26" s="653"/>
      <c r="AM26" s="653"/>
      <c r="AN26" s="628"/>
    </row>
    <row r="27" spans="1:40" ht="17.100000000000001" customHeight="1" x14ac:dyDescent="0.15">
      <c r="A27" s="654">
        <v>22</v>
      </c>
      <c r="B27" s="650" t="s">
        <v>184</v>
      </c>
      <c r="C27" s="521">
        <v>375550</v>
      </c>
      <c r="D27" s="651">
        <v>10</v>
      </c>
      <c r="E27" s="526">
        <v>0</v>
      </c>
      <c r="F27" s="651">
        <v>6</v>
      </c>
      <c r="G27" s="521">
        <v>484971</v>
      </c>
      <c r="H27" s="651">
        <v>17</v>
      </c>
      <c r="I27" s="521">
        <v>375660</v>
      </c>
      <c r="J27" s="656">
        <v>10</v>
      </c>
      <c r="K27" s="653"/>
      <c r="L27" s="653"/>
      <c r="M27" s="653"/>
      <c r="N27" s="653"/>
      <c r="O27" s="653"/>
      <c r="P27" s="653"/>
      <c r="Q27" s="653"/>
      <c r="R27" s="653"/>
      <c r="S27" s="653"/>
      <c r="T27" s="653"/>
      <c r="U27" s="653"/>
      <c r="V27" s="653"/>
      <c r="W27" s="653"/>
      <c r="X27" s="653"/>
      <c r="Y27" s="653"/>
      <c r="Z27" s="653"/>
      <c r="AA27" s="653"/>
      <c r="AB27" s="653"/>
      <c r="AC27" s="653"/>
      <c r="AD27" s="653"/>
      <c r="AE27" s="653"/>
      <c r="AF27" s="653"/>
      <c r="AG27" s="653"/>
      <c r="AH27" s="653"/>
      <c r="AI27" s="653"/>
      <c r="AJ27" s="653"/>
      <c r="AK27" s="653"/>
      <c r="AL27" s="653"/>
      <c r="AM27" s="653"/>
      <c r="AN27" s="628"/>
    </row>
    <row r="28" spans="1:40" ht="17.100000000000001" customHeight="1" x14ac:dyDescent="0.15">
      <c r="A28" s="654">
        <v>23</v>
      </c>
      <c r="B28" s="650" t="s">
        <v>182</v>
      </c>
      <c r="C28" s="521">
        <v>345228</v>
      </c>
      <c r="D28" s="651">
        <v>21</v>
      </c>
      <c r="E28" s="526">
        <v>0</v>
      </c>
      <c r="F28" s="651">
        <v>6</v>
      </c>
      <c r="G28" s="521">
        <v>455290</v>
      </c>
      <c r="H28" s="651">
        <v>31</v>
      </c>
      <c r="I28" s="521">
        <v>345239</v>
      </c>
      <c r="J28" s="652">
        <v>21</v>
      </c>
      <c r="K28" s="653"/>
      <c r="L28" s="653"/>
      <c r="M28" s="653"/>
      <c r="N28" s="653"/>
      <c r="O28" s="653"/>
      <c r="P28" s="653"/>
      <c r="Q28" s="653"/>
      <c r="R28" s="653"/>
      <c r="S28" s="653"/>
      <c r="T28" s="653"/>
      <c r="U28" s="653"/>
      <c r="V28" s="653"/>
      <c r="W28" s="653"/>
      <c r="X28" s="653"/>
      <c r="Y28" s="653"/>
      <c r="Z28" s="653"/>
      <c r="AA28" s="653"/>
      <c r="AB28" s="653"/>
      <c r="AC28" s="653"/>
      <c r="AD28" s="653"/>
      <c r="AE28" s="653"/>
      <c r="AF28" s="653"/>
      <c r="AG28" s="653"/>
      <c r="AH28" s="653"/>
      <c r="AI28" s="653"/>
      <c r="AJ28" s="653"/>
      <c r="AK28" s="653"/>
      <c r="AL28" s="653"/>
      <c r="AM28" s="653"/>
      <c r="AN28" s="628"/>
    </row>
    <row r="29" spans="1:40" ht="17.100000000000001" customHeight="1" x14ac:dyDescent="0.15">
      <c r="A29" s="654">
        <v>24</v>
      </c>
      <c r="B29" s="650" t="s">
        <v>180</v>
      </c>
      <c r="C29" s="521">
        <v>378170</v>
      </c>
      <c r="D29" s="651">
        <v>7</v>
      </c>
      <c r="E29" s="526">
        <v>0</v>
      </c>
      <c r="F29" s="651">
        <v>6</v>
      </c>
      <c r="G29" s="521">
        <v>487130</v>
      </c>
      <c r="H29" s="651">
        <v>16</v>
      </c>
      <c r="I29" s="521">
        <v>378170</v>
      </c>
      <c r="J29" s="652">
        <v>7</v>
      </c>
      <c r="K29" s="653"/>
      <c r="L29" s="653"/>
      <c r="M29" s="653"/>
      <c r="N29" s="653"/>
      <c r="O29" s="653"/>
      <c r="P29" s="653"/>
      <c r="Q29" s="653"/>
      <c r="R29" s="653"/>
      <c r="S29" s="653"/>
      <c r="T29" s="653"/>
      <c r="U29" s="653"/>
      <c r="V29" s="653"/>
      <c r="W29" s="653"/>
      <c r="X29" s="653"/>
      <c r="Y29" s="653"/>
      <c r="Z29" s="653"/>
      <c r="AA29" s="653"/>
      <c r="AB29" s="653"/>
      <c r="AC29" s="653"/>
      <c r="AD29" s="653"/>
      <c r="AE29" s="653"/>
      <c r="AF29" s="653"/>
      <c r="AG29" s="653"/>
      <c r="AH29" s="653"/>
      <c r="AI29" s="653"/>
      <c r="AJ29" s="653"/>
      <c r="AK29" s="653"/>
      <c r="AL29" s="653"/>
      <c r="AM29" s="653"/>
      <c r="AN29" s="628"/>
    </row>
    <row r="30" spans="1:40" ht="17.100000000000001" customHeight="1" x14ac:dyDescent="0.15">
      <c r="A30" s="654">
        <v>25</v>
      </c>
      <c r="B30" s="650" t="s">
        <v>178</v>
      </c>
      <c r="C30" s="521">
        <v>300854</v>
      </c>
      <c r="D30" s="651">
        <v>33</v>
      </c>
      <c r="E30" s="526">
        <v>0</v>
      </c>
      <c r="F30" s="651">
        <v>6</v>
      </c>
      <c r="G30" s="521">
        <v>420886</v>
      </c>
      <c r="H30" s="651">
        <v>33</v>
      </c>
      <c r="I30" s="521">
        <v>300853</v>
      </c>
      <c r="J30" s="652">
        <v>33</v>
      </c>
      <c r="K30" s="653"/>
      <c r="L30" s="653"/>
      <c r="M30" s="653"/>
      <c r="N30" s="653"/>
      <c r="O30" s="653"/>
      <c r="P30" s="653"/>
      <c r="Q30" s="653"/>
      <c r="R30" s="653"/>
      <c r="S30" s="653"/>
      <c r="T30" s="653"/>
      <c r="U30" s="653"/>
      <c r="V30" s="653"/>
      <c r="W30" s="653"/>
      <c r="X30" s="653"/>
      <c r="Y30" s="653"/>
      <c r="Z30" s="653"/>
      <c r="AA30" s="653"/>
      <c r="AB30" s="653"/>
      <c r="AC30" s="653"/>
      <c r="AD30" s="653"/>
      <c r="AE30" s="653"/>
      <c r="AF30" s="653"/>
      <c r="AG30" s="653"/>
      <c r="AH30" s="653"/>
      <c r="AI30" s="653"/>
      <c r="AJ30" s="653"/>
      <c r="AK30" s="653"/>
      <c r="AL30" s="653"/>
      <c r="AM30" s="653"/>
      <c r="AN30" s="628"/>
    </row>
    <row r="31" spans="1:40" ht="17.100000000000001" customHeight="1" x14ac:dyDescent="0.15">
      <c r="A31" s="654">
        <v>26</v>
      </c>
      <c r="B31" s="650" t="s">
        <v>176</v>
      </c>
      <c r="C31" s="521">
        <v>379868</v>
      </c>
      <c r="D31" s="651">
        <v>6</v>
      </c>
      <c r="E31" s="526">
        <v>0</v>
      </c>
      <c r="F31" s="651">
        <v>6</v>
      </c>
      <c r="G31" s="521">
        <v>461516</v>
      </c>
      <c r="H31" s="651">
        <v>29</v>
      </c>
      <c r="I31" s="521">
        <v>379871</v>
      </c>
      <c r="J31" s="652">
        <v>6</v>
      </c>
      <c r="K31" s="653"/>
      <c r="L31" s="653"/>
      <c r="M31" s="653"/>
      <c r="N31" s="653"/>
      <c r="O31" s="653"/>
      <c r="P31" s="653"/>
      <c r="Q31" s="653"/>
      <c r="R31" s="653"/>
      <c r="S31" s="653"/>
      <c r="T31" s="653"/>
      <c r="U31" s="653"/>
      <c r="V31" s="653"/>
      <c r="W31" s="653"/>
      <c r="X31" s="653"/>
      <c r="Y31" s="653"/>
      <c r="Z31" s="653"/>
      <c r="AA31" s="653"/>
      <c r="AB31" s="653"/>
      <c r="AC31" s="653"/>
      <c r="AD31" s="653"/>
      <c r="AE31" s="653"/>
      <c r="AF31" s="653"/>
      <c r="AG31" s="653"/>
      <c r="AH31" s="653"/>
      <c r="AI31" s="653"/>
      <c r="AJ31" s="653"/>
      <c r="AK31" s="653"/>
      <c r="AL31" s="653"/>
      <c r="AM31" s="653"/>
      <c r="AN31" s="628"/>
    </row>
    <row r="32" spans="1:40" ht="17.100000000000001" customHeight="1" x14ac:dyDescent="0.15">
      <c r="A32" s="654">
        <v>27</v>
      </c>
      <c r="B32" s="650" t="s">
        <v>173</v>
      </c>
      <c r="C32" s="521">
        <v>440405</v>
      </c>
      <c r="D32" s="651">
        <v>1</v>
      </c>
      <c r="E32" s="526">
        <v>0</v>
      </c>
      <c r="F32" s="651">
        <v>6</v>
      </c>
      <c r="G32" s="521">
        <v>527687</v>
      </c>
      <c r="H32" s="651">
        <v>3</v>
      </c>
      <c r="I32" s="521">
        <v>440405</v>
      </c>
      <c r="J32" s="652">
        <v>1</v>
      </c>
      <c r="K32" s="653"/>
      <c r="L32" s="653"/>
      <c r="M32" s="653"/>
      <c r="N32" s="653"/>
      <c r="O32" s="653"/>
      <c r="P32" s="653"/>
      <c r="Q32" s="653"/>
      <c r="R32" s="653"/>
      <c r="S32" s="653"/>
      <c r="T32" s="653"/>
      <c r="U32" s="653"/>
      <c r="V32" s="653"/>
      <c r="W32" s="653"/>
      <c r="X32" s="653"/>
      <c r="Y32" s="653"/>
      <c r="Z32" s="653"/>
      <c r="AA32" s="653"/>
      <c r="AB32" s="653"/>
      <c r="AC32" s="653"/>
      <c r="AD32" s="653"/>
      <c r="AE32" s="653"/>
      <c r="AF32" s="653"/>
      <c r="AG32" s="653"/>
      <c r="AH32" s="653"/>
      <c r="AI32" s="653"/>
      <c r="AJ32" s="653"/>
      <c r="AK32" s="653"/>
      <c r="AL32" s="653"/>
      <c r="AM32" s="653"/>
      <c r="AN32" s="628"/>
    </row>
    <row r="33" spans="1:40" ht="17.100000000000001" customHeight="1" x14ac:dyDescent="0.15">
      <c r="A33" s="654">
        <v>28</v>
      </c>
      <c r="B33" s="650" t="s">
        <v>171</v>
      </c>
      <c r="C33" s="521">
        <v>382353</v>
      </c>
      <c r="D33" s="651">
        <v>5</v>
      </c>
      <c r="E33" s="526">
        <v>0</v>
      </c>
      <c r="F33" s="651">
        <v>6</v>
      </c>
      <c r="G33" s="521">
        <v>491882</v>
      </c>
      <c r="H33" s="651">
        <v>13</v>
      </c>
      <c r="I33" s="521">
        <v>382462</v>
      </c>
      <c r="J33" s="652">
        <v>5</v>
      </c>
      <c r="K33" s="653"/>
      <c r="L33" s="653"/>
      <c r="M33" s="653"/>
      <c r="N33" s="653"/>
      <c r="O33" s="653"/>
      <c r="P33" s="653"/>
      <c r="Q33" s="653"/>
      <c r="R33" s="653"/>
      <c r="S33" s="653"/>
      <c r="T33" s="653"/>
      <c r="U33" s="653"/>
      <c r="V33" s="653"/>
      <c r="W33" s="653"/>
      <c r="X33" s="653"/>
      <c r="Y33" s="653"/>
      <c r="Z33" s="653"/>
      <c r="AA33" s="653"/>
      <c r="AB33" s="653"/>
      <c r="AC33" s="653"/>
      <c r="AD33" s="653"/>
      <c r="AE33" s="653"/>
      <c r="AF33" s="653"/>
      <c r="AG33" s="653"/>
      <c r="AH33" s="653"/>
      <c r="AI33" s="653"/>
      <c r="AJ33" s="653"/>
      <c r="AK33" s="653"/>
      <c r="AL33" s="653"/>
      <c r="AM33" s="653"/>
      <c r="AN33" s="628"/>
    </row>
    <row r="34" spans="1:40" ht="17.100000000000001" customHeight="1" x14ac:dyDescent="0.15">
      <c r="A34" s="654">
        <v>29</v>
      </c>
      <c r="B34" s="650" t="s">
        <v>169</v>
      </c>
      <c r="C34" s="521">
        <v>375692</v>
      </c>
      <c r="D34" s="651">
        <v>9</v>
      </c>
      <c r="E34" s="526">
        <v>0</v>
      </c>
      <c r="F34" s="651">
        <v>6</v>
      </c>
      <c r="G34" s="521">
        <v>497476</v>
      </c>
      <c r="H34" s="651">
        <v>11</v>
      </c>
      <c r="I34" s="521">
        <v>375705</v>
      </c>
      <c r="J34" s="652">
        <v>9</v>
      </c>
      <c r="K34" s="653"/>
      <c r="L34" s="653"/>
      <c r="M34" s="653"/>
      <c r="N34" s="653"/>
      <c r="O34" s="653"/>
      <c r="P34" s="653"/>
      <c r="Q34" s="653"/>
      <c r="R34" s="653"/>
      <c r="S34" s="653"/>
      <c r="T34" s="653"/>
      <c r="U34" s="653"/>
      <c r="V34" s="653"/>
      <c r="W34" s="653"/>
      <c r="X34" s="653"/>
      <c r="Y34" s="653"/>
      <c r="Z34" s="653"/>
      <c r="AA34" s="653"/>
      <c r="AB34" s="653"/>
      <c r="AC34" s="653"/>
      <c r="AD34" s="653"/>
      <c r="AE34" s="653"/>
      <c r="AF34" s="653"/>
      <c r="AG34" s="653"/>
      <c r="AH34" s="653"/>
      <c r="AI34" s="653"/>
      <c r="AJ34" s="653"/>
      <c r="AK34" s="653"/>
      <c r="AL34" s="653"/>
      <c r="AM34" s="653"/>
      <c r="AN34" s="628"/>
    </row>
    <row r="35" spans="1:40" ht="17.100000000000001" customHeight="1" x14ac:dyDescent="0.15">
      <c r="A35" s="654">
        <v>30</v>
      </c>
      <c r="B35" s="650" t="s">
        <v>167</v>
      </c>
      <c r="C35" s="521">
        <v>389239</v>
      </c>
      <c r="D35" s="651">
        <v>2</v>
      </c>
      <c r="E35" s="526">
        <v>0</v>
      </c>
      <c r="F35" s="651">
        <v>6</v>
      </c>
      <c r="G35" s="521">
        <v>549797</v>
      </c>
      <c r="H35" s="651">
        <v>1</v>
      </c>
      <c r="I35" s="521">
        <v>389801</v>
      </c>
      <c r="J35" s="652">
        <v>2</v>
      </c>
      <c r="K35" s="653"/>
      <c r="L35" s="653"/>
      <c r="M35" s="653"/>
      <c r="N35" s="653"/>
      <c r="O35" s="653"/>
      <c r="P35" s="653"/>
      <c r="Q35" s="653"/>
      <c r="R35" s="653"/>
      <c r="S35" s="653"/>
      <c r="T35" s="653"/>
      <c r="U35" s="653"/>
      <c r="V35" s="653"/>
      <c r="W35" s="653"/>
      <c r="X35" s="653"/>
      <c r="Y35" s="653"/>
      <c r="Z35" s="653"/>
      <c r="AA35" s="653"/>
      <c r="AB35" s="653"/>
      <c r="AC35" s="653"/>
      <c r="AD35" s="653"/>
      <c r="AE35" s="653"/>
      <c r="AF35" s="653"/>
      <c r="AG35" s="653"/>
      <c r="AH35" s="653"/>
      <c r="AI35" s="653"/>
      <c r="AJ35" s="653"/>
      <c r="AK35" s="653"/>
      <c r="AL35" s="653"/>
      <c r="AM35" s="653"/>
      <c r="AN35" s="628"/>
    </row>
    <row r="36" spans="1:40" ht="17.100000000000001" customHeight="1" x14ac:dyDescent="0.15">
      <c r="A36" s="654">
        <v>31</v>
      </c>
      <c r="B36" s="650" t="s">
        <v>165</v>
      </c>
      <c r="C36" s="521">
        <v>355820</v>
      </c>
      <c r="D36" s="651">
        <v>17</v>
      </c>
      <c r="E36" s="526">
        <v>0</v>
      </c>
      <c r="F36" s="651">
        <v>6</v>
      </c>
      <c r="G36" s="521">
        <v>466580</v>
      </c>
      <c r="H36" s="651">
        <v>27</v>
      </c>
      <c r="I36" s="521">
        <v>355820</v>
      </c>
      <c r="J36" s="652">
        <v>17</v>
      </c>
      <c r="K36" s="653"/>
      <c r="L36" s="653"/>
      <c r="M36" s="653"/>
      <c r="N36" s="653"/>
      <c r="O36" s="653"/>
      <c r="P36" s="653"/>
      <c r="Q36" s="653"/>
      <c r="R36" s="653"/>
      <c r="S36" s="653"/>
      <c r="T36" s="653"/>
      <c r="U36" s="653"/>
      <c r="V36" s="653"/>
      <c r="W36" s="653"/>
      <c r="X36" s="653"/>
      <c r="Y36" s="653"/>
      <c r="Z36" s="653"/>
      <c r="AA36" s="653"/>
      <c r="AB36" s="653"/>
      <c r="AC36" s="653"/>
      <c r="AD36" s="653"/>
      <c r="AE36" s="653"/>
      <c r="AF36" s="653"/>
      <c r="AG36" s="653"/>
      <c r="AH36" s="653"/>
      <c r="AI36" s="653"/>
      <c r="AJ36" s="653"/>
      <c r="AK36" s="653"/>
      <c r="AL36" s="653"/>
      <c r="AM36" s="653"/>
      <c r="AN36" s="628"/>
    </row>
    <row r="37" spans="1:40" ht="17.100000000000001" customHeight="1" x14ac:dyDescent="0.15">
      <c r="A37" s="654">
        <v>32</v>
      </c>
      <c r="B37" s="650" t="s">
        <v>162</v>
      </c>
      <c r="C37" s="521">
        <v>360281</v>
      </c>
      <c r="D37" s="651">
        <v>15</v>
      </c>
      <c r="E37" s="526">
        <v>0</v>
      </c>
      <c r="F37" s="651">
        <v>6</v>
      </c>
      <c r="G37" s="521">
        <v>495874</v>
      </c>
      <c r="H37" s="651">
        <v>12</v>
      </c>
      <c r="I37" s="521">
        <v>360282</v>
      </c>
      <c r="J37" s="652">
        <v>15</v>
      </c>
      <c r="K37" s="653"/>
      <c r="L37" s="653"/>
      <c r="M37" s="653"/>
      <c r="N37" s="653"/>
      <c r="O37" s="653"/>
      <c r="P37" s="653"/>
      <c r="Q37" s="653"/>
      <c r="R37" s="653"/>
      <c r="S37" s="653"/>
      <c r="T37" s="653"/>
      <c r="U37" s="653"/>
      <c r="V37" s="653"/>
      <c r="W37" s="653"/>
      <c r="X37" s="653"/>
      <c r="Y37" s="653"/>
      <c r="Z37" s="653"/>
      <c r="AA37" s="653"/>
      <c r="AB37" s="653"/>
      <c r="AC37" s="653"/>
      <c r="AD37" s="653"/>
      <c r="AE37" s="653"/>
      <c r="AF37" s="653"/>
      <c r="AG37" s="653"/>
      <c r="AH37" s="653"/>
      <c r="AI37" s="653"/>
      <c r="AJ37" s="653"/>
      <c r="AK37" s="653"/>
      <c r="AL37" s="653"/>
      <c r="AM37" s="653"/>
      <c r="AN37" s="628"/>
    </row>
    <row r="38" spans="1:40" ht="17.100000000000001" customHeight="1" thickBot="1" x14ac:dyDescent="0.2">
      <c r="A38" s="657">
        <v>33</v>
      </c>
      <c r="B38" s="658" t="s">
        <v>159</v>
      </c>
      <c r="C38" s="517">
        <v>386916</v>
      </c>
      <c r="D38" s="659">
        <v>3</v>
      </c>
      <c r="E38" s="525">
        <v>0</v>
      </c>
      <c r="F38" s="659">
        <v>6</v>
      </c>
      <c r="G38" s="517">
        <v>447054</v>
      </c>
      <c r="H38" s="659">
        <v>32</v>
      </c>
      <c r="I38" s="517">
        <v>386916</v>
      </c>
      <c r="J38" s="660">
        <v>3</v>
      </c>
      <c r="K38" s="653"/>
      <c r="L38" s="653"/>
      <c r="M38" s="653"/>
      <c r="N38" s="653"/>
      <c r="O38" s="653"/>
      <c r="P38" s="653"/>
      <c r="Q38" s="653"/>
      <c r="R38" s="653"/>
      <c r="S38" s="653"/>
      <c r="T38" s="653"/>
      <c r="U38" s="653"/>
      <c r="V38" s="653"/>
      <c r="W38" s="653"/>
      <c r="X38" s="653"/>
      <c r="Y38" s="653"/>
      <c r="Z38" s="653"/>
      <c r="AA38" s="653"/>
      <c r="AB38" s="653"/>
      <c r="AC38" s="653"/>
      <c r="AD38" s="653"/>
      <c r="AE38" s="653"/>
      <c r="AF38" s="653"/>
      <c r="AG38" s="653"/>
      <c r="AH38" s="653"/>
      <c r="AI38" s="653"/>
      <c r="AJ38" s="653"/>
      <c r="AK38" s="653"/>
      <c r="AL38" s="653"/>
      <c r="AM38" s="653"/>
      <c r="AN38" s="628"/>
    </row>
    <row r="39" spans="1:40" ht="17.100000000000001" customHeight="1" thickTop="1" x14ac:dyDescent="0.15">
      <c r="A39" s="649">
        <v>301</v>
      </c>
      <c r="B39" s="661" t="s">
        <v>259</v>
      </c>
      <c r="C39" s="524">
        <v>195945</v>
      </c>
      <c r="D39" s="662">
        <v>2</v>
      </c>
      <c r="E39" s="522" t="s">
        <v>322</v>
      </c>
      <c r="F39" s="494" t="s">
        <v>322</v>
      </c>
      <c r="G39" s="524">
        <v>364610</v>
      </c>
      <c r="H39" s="662">
        <v>6</v>
      </c>
      <c r="I39" s="524">
        <v>195945</v>
      </c>
      <c r="J39" s="663">
        <v>2</v>
      </c>
      <c r="K39" s="653"/>
      <c r="L39" s="653"/>
      <c r="M39" s="653"/>
      <c r="N39" s="653"/>
      <c r="O39" s="653"/>
      <c r="P39" s="653"/>
      <c r="Q39" s="653"/>
      <c r="R39" s="653"/>
      <c r="S39" s="653"/>
      <c r="T39" s="653"/>
      <c r="U39" s="653"/>
      <c r="V39" s="653"/>
      <c r="W39" s="653"/>
      <c r="X39" s="653"/>
      <c r="Y39" s="653"/>
      <c r="Z39" s="653"/>
      <c r="AA39" s="653"/>
      <c r="AB39" s="653"/>
      <c r="AC39" s="653"/>
      <c r="AD39" s="653"/>
      <c r="AE39" s="653"/>
      <c r="AF39" s="653"/>
      <c r="AG39" s="653"/>
      <c r="AH39" s="653"/>
      <c r="AI39" s="653"/>
      <c r="AJ39" s="653"/>
      <c r="AK39" s="653"/>
      <c r="AL39" s="653"/>
      <c r="AM39" s="653"/>
      <c r="AN39" s="628"/>
    </row>
    <row r="40" spans="1:40" ht="17.100000000000001" customHeight="1" x14ac:dyDescent="0.15">
      <c r="A40" s="654">
        <v>302</v>
      </c>
      <c r="B40" s="661" t="s">
        <v>396</v>
      </c>
      <c r="C40" s="521">
        <v>164470</v>
      </c>
      <c r="D40" s="651">
        <v>6</v>
      </c>
      <c r="E40" s="523" t="s">
        <v>322</v>
      </c>
      <c r="F40" s="497" t="s">
        <v>322</v>
      </c>
      <c r="G40" s="521">
        <v>426880</v>
      </c>
      <c r="H40" s="651">
        <v>4</v>
      </c>
      <c r="I40" s="521">
        <v>164470</v>
      </c>
      <c r="J40" s="652">
        <v>6</v>
      </c>
      <c r="K40" s="653"/>
      <c r="L40" s="653"/>
      <c r="M40" s="653"/>
      <c r="N40" s="653"/>
      <c r="O40" s="653"/>
      <c r="P40" s="653"/>
      <c r="Q40" s="653"/>
      <c r="R40" s="653"/>
      <c r="S40" s="653"/>
      <c r="T40" s="653"/>
      <c r="U40" s="653"/>
      <c r="V40" s="653"/>
      <c r="W40" s="653"/>
      <c r="X40" s="653"/>
      <c r="Y40" s="653"/>
      <c r="Z40" s="653"/>
      <c r="AA40" s="653"/>
      <c r="AB40" s="653"/>
      <c r="AC40" s="653"/>
      <c r="AD40" s="653"/>
      <c r="AE40" s="653"/>
      <c r="AF40" s="653"/>
      <c r="AG40" s="653"/>
      <c r="AH40" s="653"/>
      <c r="AI40" s="653"/>
      <c r="AJ40" s="653"/>
      <c r="AK40" s="653"/>
      <c r="AL40" s="653"/>
      <c r="AM40" s="653"/>
      <c r="AN40" s="628"/>
    </row>
    <row r="41" spans="1:40" ht="17.100000000000001" customHeight="1" x14ac:dyDescent="0.15">
      <c r="A41" s="654">
        <v>303</v>
      </c>
      <c r="B41" s="661" t="s">
        <v>255</v>
      </c>
      <c r="C41" s="521">
        <v>236406</v>
      </c>
      <c r="D41" s="651">
        <v>1</v>
      </c>
      <c r="E41" s="522" t="s">
        <v>322</v>
      </c>
      <c r="F41" s="494" t="s">
        <v>381</v>
      </c>
      <c r="G41" s="521">
        <v>497034</v>
      </c>
      <c r="H41" s="651">
        <v>2</v>
      </c>
      <c r="I41" s="521">
        <v>236406</v>
      </c>
      <c r="J41" s="652">
        <v>1</v>
      </c>
      <c r="K41" s="653"/>
      <c r="L41" s="653"/>
      <c r="M41" s="653"/>
      <c r="N41" s="653"/>
      <c r="O41" s="653"/>
      <c r="P41" s="653"/>
      <c r="Q41" s="653"/>
      <c r="R41" s="653"/>
      <c r="S41" s="653"/>
      <c r="T41" s="653"/>
      <c r="U41" s="653"/>
      <c r="V41" s="653"/>
      <c r="W41" s="653"/>
      <c r="X41" s="653"/>
      <c r="Y41" s="653"/>
      <c r="Z41" s="653"/>
      <c r="AA41" s="653"/>
      <c r="AB41" s="653"/>
      <c r="AC41" s="653"/>
      <c r="AD41" s="653"/>
      <c r="AE41" s="653"/>
      <c r="AF41" s="653"/>
      <c r="AG41" s="653"/>
      <c r="AH41" s="653"/>
      <c r="AI41" s="653"/>
      <c r="AJ41" s="653"/>
      <c r="AK41" s="653"/>
      <c r="AL41" s="653"/>
      <c r="AM41" s="653"/>
      <c r="AN41" s="628"/>
    </row>
    <row r="42" spans="1:40" ht="17.100000000000001" customHeight="1" x14ac:dyDescent="0.15">
      <c r="A42" s="654">
        <v>304</v>
      </c>
      <c r="B42" s="661" t="s">
        <v>395</v>
      </c>
      <c r="C42" s="521">
        <v>187498</v>
      </c>
      <c r="D42" s="651">
        <v>5</v>
      </c>
      <c r="E42" s="523" t="s">
        <v>322</v>
      </c>
      <c r="F42" s="497" t="s">
        <v>322</v>
      </c>
      <c r="G42" s="521">
        <v>424842</v>
      </c>
      <c r="H42" s="651">
        <v>5</v>
      </c>
      <c r="I42" s="521">
        <v>187498</v>
      </c>
      <c r="J42" s="652">
        <v>5</v>
      </c>
      <c r="K42" s="653"/>
      <c r="L42" s="653"/>
      <c r="M42" s="653"/>
      <c r="N42" s="653"/>
      <c r="O42" s="653"/>
      <c r="P42" s="653"/>
      <c r="Q42" s="653"/>
      <c r="R42" s="653"/>
      <c r="S42" s="653"/>
      <c r="T42" s="653"/>
      <c r="U42" s="653"/>
      <c r="V42" s="653"/>
      <c r="W42" s="653"/>
      <c r="X42" s="653"/>
      <c r="Y42" s="653"/>
      <c r="Z42" s="653"/>
      <c r="AA42" s="653"/>
      <c r="AB42" s="653"/>
      <c r="AC42" s="653"/>
      <c r="AD42" s="653"/>
      <c r="AE42" s="653"/>
      <c r="AF42" s="653"/>
      <c r="AG42" s="653"/>
      <c r="AH42" s="653"/>
      <c r="AI42" s="653"/>
      <c r="AJ42" s="653"/>
      <c r="AK42" s="653"/>
      <c r="AL42" s="653"/>
      <c r="AM42" s="653"/>
      <c r="AN42" s="628"/>
    </row>
    <row r="43" spans="1:40" ht="17.100000000000001" customHeight="1" x14ac:dyDescent="0.15">
      <c r="A43" s="654">
        <v>305</v>
      </c>
      <c r="B43" s="661" t="s">
        <v>251</v>
      </c>
      <c r="C43" s="521">
        <v>187782</v>
      </c>
      <c r="D43" s="651">
        <v>4</v>
      </c>
      <c r="E43" s="522" t="s">
        <v>322</v>
      </c>
      <c r="F43" s="494" t="s">
        <v>322</v>
      </c>
      <c r="G43" s="521">
        <v>468185</v>
      </c>
      <c r="H43" s="651">
        <v>3</v>
      </c>
      <c r="I43" s="521">
        <v>187782</v>
      </c>
      <c r="J43" s="652">
        <v>4</v>
      </c>
      <c r="K43" s="653"/>
      <c r="L43" s="653"/>
      <c r="M43" s="653"/>
      <c r="N43" s="653"/>
      <c r="O43" s="653"/>
      <c r="P43" s="653"/>
      <c r="Q43" s="653"/>
      <c r="R43" s="653"/>
      <c r="S43" s="653"/>
      <c r="T43" s="653"/>
      <c r="U43" s="653"/>
      <c r="V43" s="653"/>
      <c r="W43" s="653"/>
      <c r="X43" s="653"/>
      <c r="Y43" s="653"/>
      <c r="Z43" s="653"/>
      <c r="AA43" s="653"/>
      <c r="AB43" s="653"/>
      <c r="AC43" s="653"/>
      <c r="AD43" s="653"/>
      <c r="AE43" s="653"/>
      <c r="AF43" s="653"/>
      <c r="AG43" s="653"/>
      <c r="AH43" s="653"/>
      <c r="AI43" s="653"/>
      <c r="AJ43" s="653"/>
      <c r="AK43" s="653"/>
      <c r="AL43" s="653"/>
      <c r="AM43" s="653"/>
      <c r="AN43" s="628"/>
    </row>
    <row r="44" spans="1:40" ht="17.100000000000001" customHeight="1" thickBot="1" x14ac:dyDescent="0.2">
      <c r="A44" s="664">
        <v>306</v>
      </c>
      <c r="B44" s="665" t="s">
        <v>249</v>
      </c>
      <c r="C44" s="517">
        <v>188810</v>
      </c>
      <c r="D44" s="659">
        <v>3</v>
      </c>
      <c r="E44" s="518" t="s">
        <v>322</v>
      </c>
      <c r="F44" s="486" t="s">
        <v>322</v>
      </c>
      <c r="G44" s="517">
        <v>533239</v>
      </c>
      <c r="H44" s="659">
        <v>1</v>
      </c>
      <c r="I44" s="517">
        <v>188810</v>
      </c>
      <c r="J44" s="660">
        <v>3</v>
      </c>
      <c r="K44" s="653"/>
      <c r="L44" s="653"/>
      <c r="M44" s="653"/>
      <c r="N44" s="653"/>
      <c r="O44" s="653"/>
      <c r="P44" s="653"/>
      <c r="Q44" s="653"/>
      <c r="R44" s="653"/>
      <c r="S44" s="653"/>
      <c r="T44" s="653"/>
      <c r="U44" s="653"/>
      <c r="V44" s="653"/>
      <c r="W44" s="653"/>
      <c r="X44" s="653"/>
      <c r="Y44" s="653"/>
      <c r="Z44" s="653"/>
      <c r="AA44" s="653"/>
      <c r="AB44" s="653"/>
      <c r="AC44" s="653"/>
      <c r="AD44" s="653"/>
      <c r="AE44" s="653"/>
      <c r="AF44" s="653"/>
      <c r="AG44" s="653"/>
      <c r="AH44" s="653"/>
      <c r="AI44" s="653"/>
      <c r="AJ44" s="653"/>
      <c r="AK44" s="653"/>
      <c r="AL44" s="653"/>
      <c r="AM44" s="653"/>
      <c r="AN44" s="628"/>
    </row>
    <row r="45" spans="1:40" ht="17.100000000000001" customHeight="1" thickTop="1" thickBot="1" x14ac:dyDescent="0.2">
      <c r="A45" s="1152" t="s">
        <v>394</v>
      </c>
      <c r="B45" s="1153"/>
      <c r="C45" s="517">
        <v>350419</v>
      </c>
      <c r="D45" s="486" t="s">
        <v>322</v>
      </c>
      <c r="E45" s="519">
        <v>2193547</v>
      </c>
      <c r="F45" s="486" t="s">
        <v>322</v>
      </c>
      <c r="G45" s="666">
        <v>506840</v>
      </c>
      <c r="H45" s="486" t="s">
        <v>322</v>
      </c>
      <c r="I45" s="517">
        <v>350428</v>
      </c>
      <c r="J45" s="667" t="s">
        <v>322</v>
      </c>
      <c r="K45" s="653"/>
      <c r="L45" s="653"/>
      <c r="M45" s="653"/>
      <c r="N45" s="653"/>
      <c r="O45" s="653"/>
      <c r="P45" s="653"/>
      <c r="Q45" s="653"/>
      <c r="R45" s="653"/>
      <c r="S45" s="653"/>
      <c r="T45" s="653"/>
      <c r="U45" s="653"/>
      <c r="V45" s="653"/>
      <c r="W45" s="653"/>
      <c r="X45" s="653"/>
      <c r="Y45" s="653"/>
      <c r="Z45" s="653"/>
      <c r="AA45" s="653"/>
      <c r="AB45" s="653"/>
      <c r="AC45" s="653"/>
      <c r="AD45" s="653"/>
      <c r="AE45" s="653"/>
      <c r="AF45" s="653"/>
      <c r="AG45" s="653"/>
      <c r="AH45" s="653"/>
      <c r="AI45" s="653"/>
      <c r="AJ45" s="653"/>
      <c r="AK45" s="653"/>
      <c r="AL45" s="653"/>
      <c r="AM45" s="653"/>
      <c r="AN45" s="628"/>
    </row>
    <row r="46" spans="1:40" ht="17.100000000000001" customHeight="1" thickTop="1" thickBot="1" x14ac:dyDescent="0.2">
      <c r="A46" s="1154" t="s">
        <v>393</v>
      </c>
      <c r="B46" s="1153"/>
      <c r="C46" s="520">
        <v>358235</v>
      </c>
      <c r="D46" s="486" t="s">
        <v>322</v>
      </c>
      <c r="E46" s="518" t="s">
        <v>322</v>
      </c>
      <c r="F46" s="486" t="s">
        <v>322</v>
      </c>
      <c r="G46" s="666">
        <v>481265</v>
      </c>
      <c r="H46" s="486" t="s">
        <v>322</v>
      </c>
      <c r="I46" s="517">
        <v>358272</v>
      </c>
      <c r="J46" s="667" t="s">
        <v>322</v>
      </c>
      <c r="K46" s="653"/>
      <c r="L46" s="653"/>
      <c r="M46" s="653"/>
      <c r="N46" s="653"/>
      <c r="O46" s="653"/>
      <c r="P46" s="653"/>
      <c r="Q46" s="653"/>
      <c r="R46" s="653"/>
      <c r="S46" s="653"/>
      <c r="T46" s="653"/>
      <c r="U46" s="653"/>
      <c r="V46" s="653"/>
      <c r="W46" s="653"/>
      <c r="X46" s="653"/>
      <c r="Y46" s="653"/>
      <c r="Z46" s="653"/>
      <c r="AA46" s="653"/>
      <c r="AB46" s="653"/>
      <c r="AC46" s="653"/>
      <c r="AD46" s="653"/>
      <c r="AE46" s="653"/>
      <c r="AF46" s="653"/>
      <c r="AG46" s="653"/>
      <c r="AH46" s="653"/>
      <c r="AI46" s="653"/>
      <c r="AJ46" s="653"/>
      <c r="AK46" s="653"/>
      <c r="AL46" s="653"/>
      <c r="AM46" s="653"/>
      <c r="AN46" s="628"/>
    </row>
    <row r="47" spans="1:40" ht="17.100000000000001" customHeight="1" thickTop="1" thickBot="1" x14ac:dyDescent="0.2">
      <c r="A47" s="1154" t="s">
        <v>392</v>
      </c>
      <c r="B47" s="1153"/>
      <c r="C47" s="517">
        <v>350724</v>
      </c>
      <c r="D47" s="486" t="s">
        <v>322</v>
      </c>
      <c r="E47" s="519">
        <v>2512097</v>
      </c>
      <c r="F47" s="486" t="s">
        <v>322</v>
      </c>
      <c r="G47" s="666">
        <v>505721</v>
      </c>
      <c r="H47" s="486" t="s">
        <v>322</v>
      </c>
      <c r="I47" s="517">
        <v>350734</v>
      </c>
      <c r="J47" s="667" t="s">
        <v>322</v>
      </c>
      <c r="K47" s="653"/>
      <c r="L47" s="653"/>
      <c r="M47" s="653"/>
      <c r="N47" s="653"/>
      <c r="O47" s="653"/>
      <c r="P47" s="653"/>
      <c r="Q47" s="653"/>
      <c r="R47" s="653"/>
      <c r="S47" s="653"/>
      <c r="T47" s="653"/>
      <c r="U47" s="653"/>
      <c r="V47" s="653"/>
      <c r="W47" s="653"/>
      <c r="X47" s="653"/>
      <c r="Y47" s="653"/>
      <c r="Z47" s="653"/>
      <c r="AA47" s="653"/>
      <c r="AB47" s="653"/>
      <c r="AC47" s="653"/>
      <c r="AD47" s="653"/>
      <c r="AE47" s="653"/>
      <c r="AF47" s="653"/>
      <c r="AG47" s="653"/>
      <c r="AH47" s="653"/>
      <c r="AI47" s="653"/>
      <c r="AJ47" s="653"/>
      <c r="AK47" s="653"/>
      <c r="AL47" s="653"/>
      <c r="AM47" s="653"/>
      <c r="AN47" s="628"/>
    </row>
    <row r="48" spans="1:40" ht="17.100000000000001" customHeight="1" thickTop="1" thickBot="1" x14ac:dyDescent="0.2">
      <c r="A48" s="1154" t="s">
        <v>391</v>
      </c>
      <c r="B48" s="1153"/>
      <c r="C48" s="517">
        <v>191155</v>
      </c>
      <c r="D48" s="486" t="s">
        <v>322</v>
      </c>
      <c r="E48" s="518" t="s">
        <v>322</v>
      </c>
      <c r="F48" s="486" t="s">
        <v>322</v>
      </c>
      <c r="G48" s="666">
        <v>491707</v>
      </c>
      <c r="H48" s="486" t="s">
        <v>322</v>
      </c>
      <c r="I48" s="517">
        <v>191155</v>
      </c>
      <c r="J48" s="667" t="s">
        <v>322</v>
      </c>
      <c r="K48" s="653"/>
      <c r="L48" s="653"/>
      <c r="M48" s="653"/>
      <c r="N48" s="653"/>
      <c r="O48" s="653"/>
      <c r="P48" s="653"/>
      <c r="Q48" s="653"/>
      <c r="R48" s="653"/>
      <c r="S48" s="653"/>
      <c r="T48" s="653"/>
      <c r="U48" s="653"/>
      <c r="V48" s="653"/>
      <c r="W48" s="653"/>
      <c r="X48" s="653"/>
      <c r="Y48" s="653"/>
      <c r="Z48" s="653"/>
      <c r="AA48" s="653"/>
      <c r="AB48" s="653"/>
      <c r="AC48" s="653"/>
      <c r="AD48" s="653"/>
      <c r="AE48" s="653"/>
      <c r="AF48" s="653"/>
      <c r="AG48" s="653"/>
      <c r="AH48" s="653"/>
      <c r="AI48" s="653"/>
      <c r="AJ48" s="653"/>
      <c r="AK48" s="653"/>
      <c r="AL48" s="653"/>
      <c r="AM48" s="653"/>
      <c r="AN48" s="628"/>
    </row>
    <row r="49" spans="1:40" ht="17.100000000000001" customHeight="1" thickTop="1" thickBot="1" x14ac:dyDescent="0.2">
      <c r="A49" s="1150" t="s">
        <v>390</v>
      </c>
      <c r="B49" s="1151"/>
      <c r="C49" s="515">
        <v>339702</v>
      </c>
      <c r="D49" s="668" t="s">
        <v>322</v>
      </c>
      <c r="E49" s="516">
        <v>2512097</v>
      </c>
      <c r="F49" s="668" t="s">
        <v>381</v>
      </c>
      <c r="G49" s="669">
        <v>505440</v>
      </c>
      <c r="H49" s="668" t="s">
        <v>322</v>
      </c>
      <c r="I49" s="515">
        <v>339711</v>
      </c>
      <c r="J49" s="670" t="s">
        <v>322</v>
      </c>
      <c r="K49" s="653"/>
      <c r="L49" s="653"/>
      <c r="M49" s="653"/>
      <c r="N49" s="653"/>
      <c r="O49" s="653"/>
      <c r="P49" s="653"/>
      <c r="Q49" s="653"/>
      <c r="R49" s="653"/>
      <c r="S49" s="653"/>
      <c r="T49" s="653"/>
      <c r="U49" s="653"/>
      <c r="V49" s="653"/>
      <c r="W49" s="653"/>
      <c r="X49" s="653"/>
      <c r="Y49" s="653"/>
      <c r="Z49" s="653"/>
      <c r="AA49" s="653"/>
      <c r="AB49" s="653"/>
      <c r="AC49" s="653"/>
      <c r="AD49" s="653"/>
      <c r="AE49" s="653"/>
      <c r="AF49" s="653"/>
      <c r="AG49" s="653"/>
      <c r="AH49" s="653"/>
      <c r="AI49" s="653"/>
      <c r="AJ49" s="653"/>
      <c r="AK49" s="653"/>
      <c r="AL49" s="653"/>
      <c r="AM49" s="653"/>
      <c r="AN49" s="628"/>
    </row>
    <row r="50" spans="1:40" ht="15.75" customHeight="1" x14ac:dyDescent="0.15">
      <c r="I50" s="514"/>
    </row>
    <row r="51" spans="1:40" ht="15.75" customHeight="1" x14ac:dyDescent="0.15">
      <c r="A51" s="642"/>
    </row>
  </sheetData>
  <mergeCells count="11">
    <mergeCell ref="A49:B49"/>
    <mergeCell ref="A45:B45"/>
    <mergeCell ref="A46:B46"/>
    <mergeCell ref="A47:B47"/>
    <mergeCell ref="A48:B48"/>
    <mergeCell ref="K3:K5"/>
    <mergeCell ref="A3:B5"/>
    <mergeCell ref="C3:D4"/>
    <mergeCell ref="I3:J4"/>
    <mergeCell ref="G3:H4"/>
    <mergeCell ref="E3:F4"/>
  </mergeCells>
  <phoneticPr fontId="5"/>
  <printOptions verticalCentered="1" gridLinesSet="0"/>
  <pageMargins left="1.1811023622047245" right="0.59055118110236227" top="0.59055118110236227" bottom="0.59055118110236227" header="0.51181102362204722" footer="0.51181102362204722"/>
  <pageSetup paperSize="9" scale="98" orientation="portrait" blackAndWhite="1" r:id="rId1"/>
  <headerFooter alignWithMargins="0"/>
  <colBreaks count="1" manualBreakCount="1">
    <brk id="13" min="1" max="52" man="1"/>
  </colBreaks>
  <legacy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49"/>
  <sheetViews>
    <sheetView zoomScaleNormal="100" zoomScaleSheetLayoutView="100" workbookViewId="0"/>
  </sheetViews>
  <sheetFormatPr defaultColWidth="9" defaultRowHeight="15.75" customHeight="1" x14ac:dyDescent="0.15"/>
  <cols>
    <col min="1" max="1" width="4.44140625" style="512" customWidth="1"/>
    <col min="2" max="2" width="10" style="512" customWidth="1"/>
    <col min="3" max="3" width="10.6640625" style="512" customWidth="1"/>
    <col min="4" max="4" width="7.6640625" style="671" customWidth="1"/>
    <col min="5" max="5" width="10.6640625" style="512" customWidth="1"/>
    <col min="6" max="6" width="7.6640625" style="671" customWidth="1"/>
    <col min="7" max="7" width="10.6640625" style="512" customWidth="1"/>
    <col min="8" max="8" width="7.6640625" style="671" customWidth="1"/>
    <col min="9" max="9" width="10.6640625" style="512" customWidth="1"/>
    <col min="10" max="10" width="7.6640625" style="671" customWidth="1"/>
    <col min="11" max="11" width="10.6640625" style="512" customWidth="1"/>
    <col min="12" max="12" width="7.6640625" style="512" customWidth="1"/>
    <col min="13" max="13" width="4.109375" style="512" customWidth="1"/>
    <col min="14" max="14" width="8.6640625" style="512" customWidth="1"/>
    <col min="15" max="15" width="4.109375" style="512" customWidth="1"/>
    <col min="16" max="16" width="8.6640625" style="512" customWidth="1"/>
    <col min="17" max="17" width="4.109375" style="512" customWidth="1"/>
    <col min="18" max="18" width="8.6640625" style="512" customWidth="1"/>
    <col min="19" max="19" width="4.109375" style="512" customWidth="1"/>
    <col min="20" max="20" width="8.6640625" style="512" customWidth="1"/>
    <col min="21" max="21" width="4.109375" style="512" customWidth="1"/>
    <col min="22" max="22" width="8.6640625" style="512" customWidth="1"/>
    <col min="23" max="23" width="4.109375" style="512" customWidth="1"/>
    <col min="24" max="24" width="8.6640625" style="512" customWidth="1"/>
    <col min="25" max="25" width="4.109375" style="512" customWidth="1"/>
    <col min="26" max="26" width="8.6640625" style="512" customWidth="1"/>
    <col min="27" max="27" width="4.109375" style="512" customWidth="1"/>
    <col min="28" max="28" width="8.6640625" style="512" customWidth="1"/>
    <col min="29" max="29" width="4.109375" style="512" customWidth="1"/>
    <col min="30" max="30" width="8.6640625" style="512" customWidth="1"/>
    <col min="31" max="31" width="4.109375" style="512" customWidth="1"/>
    <col min="32" max="32" width="8.6640625" style="512" customWidth="1"/>
    <col min="33" max="33" width="4.109375" style="512" customWidth="1"/>
    <col min="34" max="34" width="8.6640625" style="512" customWidth="1"/>
    <col min="35" max="35" width="4.109375" style="512" customWidth="1"/>
    <col min="36" max="36" width="8.6640625" style="512" customWidth="1"/>
    <col min="37" max="37" width="4.109375" style="512" customWidth="1"/>
    <col min="38" max="38" width="8.6640625" style="512" customWidth="1"/>
    <col min="39" max="39" width="4.109375" style="512" customWidth="1"/>
    <col min="40" max="16384" width="9" style="512"/>
  </cols>
  <sheetData>
    <row r="1" spans="1:39" s="532" customFormat="1" ht="13.2" x14ac:dyDescent="0.2">
      <c r="A1" s="636" t="s">
        <v>411</v>
      </c>
      <c r="C1" s="511"/>
      <c r="D1" s="511"/>
      <c r="E1" s="511"/>
      <c r="F1" s="535"/>
      <c r="H1" s="643"/>
    </row>
    <row r="2" spans="1:39" s="532" customFormat="1" ht="10.5" customHeight="1" thickBot="1" x14ac:dyDescent="0.25">
      <c r="A2" s="511"/>
      <c r="B2" s="636"/>
      <c r="C2" s="511"/>
      <c r="D2" s="511"/>
      <c r="E2" s="511"/>
      <c r="F2" s="533"/>
      <c r="H2" s="643"/>
    </row>
    <row r="3" spans="1:39" ht="13.5" customHeight="1" x14ac:dyDescent="0.15">
      <c r="A3" s="1164" t="s">
        <v>237</v>
      </c>
      <c r="B3" s="1165"/>
      <c r="C3" s="1159" t="s">
        <v>410</v>
      </c>
      <c r="D3" s="1159"/>
      <c r="E3" s="1155" t="s">
        <v>409</v>
      </c>
      <c r="F3" s="1155"/>
      <c r="G3" s="1155" t="s">
        <v>408</v>
      </c>
      <c r="H3" s="1155"/>
      <c r="I3" s="1159" t="s">
        <v>407</v>
      </c>
      <c r="J3" s="1155"/>
      <c r="K3" s="1155" t="s">
        <v>406</v>
      </c>
      <c r="L3" s="1156"/>
      <c r="M3" s="644"/>
      <c r="N3" s="644"/>
      <c r="O3" s="644"/>
      <c r="P3" s="644"/>
      <c r="Q3" s="644"/>
      <c r="R3" s="644"/>
      <c r="S3" s="644"/>
      <c r="T3" s="644"/>
      <c r="U3" s="644"/>
      <c r="V3" s="644"/>
      <c r="W3" s="644"/>
      <c r="X3" s="644"/>
      <c r="Y3" s="644"/>
      <c r="Z3" s="644"/>
      <c r="AA3" s="644"/>
      <c r="AB3" s="644"/>
      <c r="AC3" s="644"/>
      <c r="AD3" s="644"/>
      <c r="AE3" s="644"/>
      <c r="AF3" s="644"/>
      <c r="AG3" s="644"/>
      <c r="AH3" s="644"/>
      <c r="AI3" s="644"/>
      <c r="AJ3" s="644"/>
      <c r="AK3" s="644"/>
      <c r="AL3" s="644"/>
      <c r="AM3" s="644"/>
    </row>
    <row r="4" spans="1:39" ht="10.5" customHeight="1" x14ac:dyDescent="0.15">
      <c r="A4" s="1166"/>
      <c r="B4" s="1167"/>
      <c r="C4" s="1170"/>
      <c r="D4" s="1170"/>
      <c r="E4" s="1157"/>
      <c r="F4" s="1157"/>
      <c r="G4" s="1157"/>
      <c r="H4" s="1157"/>
      <c r="I4" s="1157"/>
      <c r="J4" s="1157"/>
      <c r="K4" s="1157"/>
      <c r="L4" s="1158"/>
      <c r="M4" s="644"/>
      <c r="N4" s="644"/>
      <c r="O4" s="644"/>
      <c r="P4" s="644"/>
      <c r="Q4" s="644"/>
      <c r="R4" s="644"/>
      <c r="S4" s="644"/>
      <c r="T4" s="644"/>
      <c r="U4" s="644"/>
      <c r="V4" s="644"/>
      <c r="W4" s="644"/>
      <c r="X4" s="644"/>
      <c r="Y4" s="644"/>
      <c r="Z4" s="644"/>
      <c r="AA4" s="644"/>
      <c r="AB4" s="644"/>
      <c r="AC4" s="644"/>
      <c r="AD4" s="644"/>
      <c r="AE4" s="644"/>
      <c r="AF4" s="644"/>
      <c r="AG4" s="644"/>
      <c r="AH4" s="644"/>
      <c r="AI4" s="644"/>
      <c r="AJ4" s="644"/>
      <c r="AK4" s="644"/>
      <c r="AL4" s="644"/>
      <c r="AM4" s="644"/>
    </row>
    <row r="5" spans="1:39" s="294" customFormat="1" ht="15" customHeight="1" thickBot="1" x14ac:dyDescent="0.25">
      <c r="A5" s="1168"/>
      <c r="B5" s="1169"/>
      <c r="C5" s="672" t="s">
        <v>398</v>
      </c>
      <c r="D5" s="673" t="s">
        <v>397</v>
      </c>
      <c r="E5" s="673" t="s">
        <v>398</v>
      </c>
      <c r="F5" s="673" t="s">
        <v>397</v>
      </c>
      <c r="G5" s="673" t="s">
        <v>398</v>
      </c>
      <c r="H5" s="673" t="s">
        <v>397</v>
      </c>
      <c r="I5" s="673" t="s">
        <v>398</v>
      </c>
      <c r="J5" s="673" t="s">
        <v>397</v>
      </c>
      <c r="K5" s="673" t="s">
        <v>405</v>
      </c>
      <c r="L5" s="674" t="s">
        <v>404</v>
      </c>
      <c r="M5" s="648"/>
      <c r="N5" s="648"/>
      <c r="O5" s="648"/>
      <c r="P5" s="648"/>
      <c r="Q5" s="648"/>
      <c r="R5" s="648"/>
      <c r="S5" s="648"/>
      <c r="T5" s="420"/>
      <c r="U5" s="648"/>
      <c r="V5" s="648"/>
      <c r="W5" s="648"/>
      <c r="X5" s="648"/>
      <c r="Y5" s="648"/>
      <c r="Z5" s="648"/>
      <c r="AA5" s="648"/>
      <c r="AB5" s="648"/>
      <c r="AC5" s="648"/>
      <c r="AD5" s="420"/>
      <c r="AE5" s="648"/>
      <c r="AF5" s="648"/>
      <c r="AG5" s="648"/>
      <c r="AH5" s="648"/>
      <c r="AI5" s="648"/>
      <c r="AJ5" s="648"/>
      <c r="AK5" s="648"/>
      <c r="AL5" s="648"/>
      <c r="AM5" s="648"/>
    </row>
    <row r="6" spans="1:39" ht="18" customHeight="1" thickTop="1" x14ac:dyDescent="0.15">
      <c r="A6" s="675">
        <v>1</v>
      </c>
      <c r="B6" s="655" t="s">
        <v>228</v>
      </c>
      <c r="C6" s="524">
        <v>2205</v>
      </c>
      <c r="D6" s="662">
        <v>6</v>
      </c>
      <c r="E6" s="524">
        <v>837</v>
      </c>
      <c r="F6" s="662">
        <v>20</v>
      </c>
      <c r="G6" s="524">
        <v>266</v>
      </c>
      <c r="H6" s="662">
        <v>13</v>
      </c>
      <c r="I6" s="524">
        <v>37401</v>
      </c>
      <c r="J6" s="662">
        <v>19</v>
      </c>
      <c r="K6" s="524">
        <v>21</v>
      </c>
      <c r="L6" s="676">
        <v>8</v>
      </c>
      <c r="M6" s="653"/>
      <c r="N6" s="653"/>
      <c r="O6" s="653"/>
      <c r="P6" s="653"/>
      <c r="Q6" s="653"/>
      <c r="R6" s="653"/>
      <c r="S6" s="653"/>
      <c r="T6" s="653"/>
      <c r="U6" s="653"/>
      <c r="V6" s="653"/>
      <c r="W6" s="653"/>
      <c r="X6" s="653"/>
      <c r="Y6" s="653"/>
      <c r="Z6" s="653"/>
      <c r="AA6" s="653"/>
      <c r="AB6" s="653"/>
      <c r="AC6" s="653"/>
      <c r="AD6" s="653"/>
      <c r="AE6" s="653"/>
      <c r="AF6" s="653"/>
      <c r="AG6" s="653"/>
      <c r="AH6" s="653"/>
      <c r="AI6" s="653"/>
      <c r="AJ6" s="653"/>
      <c r="AK6" s="653"/>
      <c r="AL6" s="653"/>
      <c r="AM6" s="628"/>
    </row>
    <row r="7" spans="1:39" ht="18" customHeight="1" x14ac:dyDescent="0.15">
      <c r="A7" s="677">
        <v>2</v>
      </c>
      <c r="B7" s="650" t="s">
        <v>225</v>
      </c>
      <c r="C7" s="521">
        <v>2154</v>
      </c>
      <c r="D7" s="651">
        <v>8</v>
      </c>
      <c r="E7" s="521">
        <v>1142</v>
      </c>
      <c r="F7" s="651">
        <v>5</v>
      </c>
      <c r="G7" s="521">
        <v>257</v>
      </c>
      <c r="H7" s="651">
        <v>14</v>
      </c>
      <c r="I7" s="521">
        <v>36170</v>
      </c>
      <c r="J7" s="651">
        <v>25</v>
      </c>
      <c r="K7" s="521">
        <v>17</v>
      </c>
      <c r="L7" s="676">
        <v>10</v>
      </c>
      <c r="M7" s="653"/>
      <c r="N7" s="653"/>
      <c r="O7" s="653"/>
      <c r="P7" s="653"/>
      <c r="Q7" s="653"/>
      <c r="R7" s="653"/>
      <c r="S7" s="653"/>
      <c r="T7" s="653"/>
      <c r="U7" s="653"/>
      <c r="V7" s="653"/>
      <c r="W7" s="653"/>
      <c r="X7" s="653"/>
      <c r="Y7" s="653"/>
      <c r="Z7" s="653"/>
      <c r="AA7" s="653"/>
      <c r="AB7" s="653"/>
      <c r="AC7" s="653"/>
      <c r="AD7" s="653"/>
      <c r="AE7" s="653"/>
      <c r="AF7" s="653"/>
      <c r="AG7" s="653"/>
      <c r="AH7" s="653"/>
      <c r="AI7" s="653"/>
      <c r="AJ7" s="653"/>
      <c r="AK7" s="653"/>
      <c r="AL7" s="653"/>
      <c r="AM7" s="628"/>
    </row>
    <row r="8" spans="1:39" ht="18" customHeight="1" x14ac:dyDescent="0.15">
      <c r="A8" s="677">
        <v>3</v>
      </c>
      <c r="B8" s="650" t="s">
        <v>223</v>
      </c>
      <c r="C8" s="521">
        <v>1950</v>
      </c>
      <c r="D8" s="651">
        <v>10</v>
      </c>
      <c r="E8" s="521">
        <v>869</v>
      </c>
      <c r="F8" s="651">
        <v>18</v>
      </c>
      <c r="G8" s="521">
        <v>205</v>
      </c>
      <c r="H8" s="651">
        <v>21</v>
      </c>
      <c r="I8" s="521">
        <v>39996</v>
      </c>
      <c r="J8" s="651">
        <v>11</v>
      </c>
      <c r="K8" s="521">
        <v>1</v>
      </c>
      <c r="L8" s="676">
        <v>18</v>
      </c>
      <c r="M8" s="653"/>
      <c r="N8" s="653"/>
      <c r="O8" s="653"/>
      <c r="P8" s="653"/>
      <c r="Q8" s="653"/>
      <c r="R8" s="653"/>
      <c r="S8" s="653"/>
      <c r="T8" s="653"/>
      <c r="U8" s="653"/>
      <c r="V8" s="653"/>
      <c r="W8" s="653"/>
      <c r="X8" s="653"/>
      <c r="Y8" s="653"/>
      <c r="Z8" s="653"/>
      <c r="AA8" s="653"/>
      <c r="AB8" s="653"/>
      <c r="AC8" s="653"/>
      <c r="AD8" s="653"/>
      <c r="AE8" s="653"/>
      <c r="AF8" s="653"/>
      <c r="AG8" s="653"/>
      <c r="AH8" s="653"/>
      <c r="AI8" s="653"/>
      <c r="AJ8" s="653"/>
      <c r="AK8" s="653"/>
      <c r="AL8" s="653"/>
      <c r="AM8" s="628"/>
    </row>
    <row r="9" spans="1:39" ht="18" customHeight="1" x14ac:dyDescent="0.15">
      <c r="A9" s="677">
        <v>4</v>
      </c>
      <c r="B9" s="650" t="s">
        <v>221</v>
      </c>
      <c r="C9" s="521">
        <v>1664</v>
      </c>
      <c r="D9" s="651">
        <v>16</v>
      </c>
      <c r="E9" s="521">
        <v>1283</v>
      </c>
      <c r="F9" s="651">
        <v>3</v>
      </c>
      <c r="G9" s="521">
        <v>292</v>
      </c>
      <c r="H9" s="651">
        <v>10</v>
      </c>
      <c r="I9" s="521">
        <v>36539</v>
      </c>
      <c r="J9" s="651">
        <v>23</v>
      </c>
      <c r="K9" s="521">
        <v>72</v>
      </c>
      <c r="L9" s="676">
        <v>2</v>
      </c>
      <c r="M9" s="653"/>
      <c r="N9" s="653"/>
      <c r="O9" s="653"/>
      <c r="P9" s="653"/>
      <c r="Q9" s="653"/>
      <c r="R9" s="653"/>
      <c r="S9" s="653"/>
      <c r="T9" s="653"/>
      <c r="U9" s="653"/>
      <c r="V9" s="653"/>
      <c r="W9" s="653"/>
      <c r="X9" s="653"/>
      <c r="Y9" s="653"/>
      <c r="Z9" s="653"/>
      <c r="AA9" s="653"/>
      <c r="AB9" s="653"/>
      <c r="AC9" s="653"/>
      <c r="AD9" s="653"/>
      <c r="AE9" s="653"/>
      <c r="AF9" s="653"/>
      <c r="AG9" s="653"/>
      <c r="AH9" s="653"/>
      <c r="AI9" s="653"/>
      <c r="AJ9" s="653"/>
      <c r="AK9" s="653"/>
      <c r="AL9" s="653"/>
      <c r="AM9" s="628"/>
    </row>
    <row r="10" spans="1:39" ht="18" customHeight="1" x14ac:dyDescent="0.15">
      <c r="A10" s="677">
        <v>5</v>
      </c>
      <c r="B10" s="650" t="s">
        <v>219</v>
      </c>
      <c r="C10" s="521">
        <v>1469</v>
      </c>
      <c r="D10" s="651">
        <v>21</v>
      </c>
      <c r="E10" s="521">
        <v>984</v>
      </c>
      <c r="F10" s="651">
        <v>11</v>
      </c>
      <c r="G10" s="521">
        <v>200</v>
      </c>
      <c r="H10" s="651">
        <v>22</v>
      </c>
      <c r="I10" s="521">
        <v>32305</v>
      </c>
      <c r="J10" s="651">
        <v>31</v>
      </c>
      <c r="K10" s="521">
        <v>184</v>
      </c>
      <c r="L10" s="676">
        <v>1</v>
      </c>
      <c r="M10" s="653"/>
      <c r="N10" s="653"/>
      <c r="O10" s="653"/>
      <c r="P10" s="653"/>
      <c r="Q10" s="653"/>
      <c r="R10" s="653"/>
      <c r="S10" s="653"/>
      <c r="T10" s="653"/>
      <c r="U10" s="653"/>
      <c r="V10" s="653"/>
      <c r="W10" s="653"/>
      <c r="X10" s="653"/>
      <c r="Y10" s="653"/>
      <c r="Z10" s="653"/>
      <c r="AA10" s="653"/>
      <c r="AB10" s="653"/>
      <c r="AC10" s="653"/>
      <c r="AD10" s="653"/>
      <c r="AE10" s="653"/>
      <c r="AF10" s="653"/>
      <c r="AG10" s="653"/>
      <c r="AH10" s="653"/>
      <c r="AI10" s="653"/>
      <c r="AJ10" s="653"/>
      <c r="AK10" s="653"/>
      <c r="AL10" s="653"/>
      <c r="AM10" s="628"/>
    </row>
    <row r="11" spans="1:39" ht="18" customHeight="1" x14ac:dyDescent="0.15">
      <c r="A11" s="677">
        <v>6</v>
      </c>
      <c r="B11" s="650" t="s">
        <v>217</v>
      </c>
      <c r="C11" s="521">
        <v>1826</v>
      </c>
      <c r="D11" s="651">
        <v>11</v>
      </c>
      <c r="E11" s="521">
        <v>956</v>
      </c>
      <c r="F11" s="651">
        <v>13</v>
      </c>
      <c r="G11" s="521">
        <v>368</v>
      </c>
      <c r="H11" s="651">
        <v>6</v>
      </c>
      <c r="I11" s="521">
        <v>34522</v>
      </c>
      <c r="J11" s="651">
        <v>29</v>
      </c>
      <c r="K11" s="521">
        <v>3</v>
      </c>
      <c r="L11" s="676">
        <v>16</v>
      </c>
      <c r="M11" s="653"/>
      <c r="N11" s="653"/>
      <c r="O11" s="653"/>
      <c r="P11" s="653"/>
      <c r="Q11" s="653"/>
      <c r="R11" s="653"/>
      <c r="S11" s="653"/>
      <c r="T11" s="653"/>
      <c r="U11" s="653"/>
      <c r="V11" s="653"/>
      <c r="W11" s="653"/>
      <c r="X11" s="653"/>
      <c r="Y11" s="653"/>
      <c r="Z11" s="653"/>
      <c r="AA11" s="653"/>
      <c r="AB11" s="653"/>
      <c r="AC11" s="653"/>
      <c r="AD11" s="653"/>
      <c r="AE11" s="653"/>
      <c r="AF11" s="653"/>
      <c r="AG11" s="653"/>
      <c r="AH11" s="653"/>
      <c r="AI11" s="653"/>
      <c r="AJ11" s="653"/>
      <c r="AK11" s="653"/>
      <c r="AL11" s="653"/>
      <c r="AM11" s="628"/>
    </row>
    <row r="12" spans="1:39" ht="18" customHeight="1" x14ac:dyDescent="0.15">
      <c r="A12" s="677">
        <v>7</v>
      </c>
      <c r="B12" s="650" t="s">
        <v>215</v>
      </c>
      <c r="C12" s="521">
        <v>1666</v>
      </c>
      <c r="D12" s="651">
        <v>15</v>
      </c>
      <c r="E12" s="521">
        <v>804</v>
      </c>
      <c r="F12" s="651">
        <v>23</v>
      </c>
      <c r="G12" s="521">
        <v>276</v>
      </c>
      <c r="H12" s="651">
        <v>12</v>
      </c>
      <c r="I12" s="521">
        <v>42323</v>
      </c>
      <c r="J12" s="651">
        <v>4</v>
      </c>
      <c r="K12" s="521">
        <v>1</v>
      </c>
      <c r="L12" s="676">
        <v>18</v>
      </c>
      <c r="M12" s="653"/>
      <c r="N12" s="653"/>
      <c r="O12" s="653"/>
      <c r="P12" s="653"/>
      <c r="Q12" s="653"/>
      <c r="R12" s="653"/>
      <c r="S12" s="653"/>
      <c r="T12" s="653"/>
      <c r="U12" s="653"/>
      <c r="V12" s="653"/>
      <c r="W12" s="653"/>
      <c r="X12" s="653"/>
      <c r="Y12" s="653"/>
      <c r="Z12" s="653"/>
      <c r="AA12" s="653"/>
      <c r="AB12" s="653"/>
      <c r="AC12" s="653"/>
      <c r="AD12" s="653"/>
      <c r="AE12" s="653"/>
      <c r="AF12" s="653"/>
      <c r="AG12" s="653"/>
      <c r="AH12" s="653"/>
      <c r="AI12" s="653"/>
      <c r="AJ12" s="653"/>
      <c r="AK12" s="653"/>
      <c r="AL12" s="653"/>
      <c r="AM12" s="628"/>
    </row>
    <row r="13" spans="1:39" ht="18" customHeight="1" x14ac:dyDescent="0.15">
      <c r="A13" s="677">
        <v>8</v>
      </c>
      <c r="B13" s="650" t="s">
        <v>213</v>
      </c>
      <c r="C13" s="521">
        <v>2272</v>
      </c>
      <c r="D13" s="651">
        <v>4</v>
      </c>
      <c r="E13" s="521">
        <v>971</v>
      </c>
      <c r="F13" s="651">
        <v>12</v>
      </c>
      <c r="G13" s="521">
        <v>221</v>
      </c>
      <c r="H13" s="651">
        <v>19</v>
      </c>
      <c r="I13" s="521">
        <v>33751</v>
      </c>
      <c r="J13" s="651">
        <v>30</v>
      </c>
      <c r="K13" s="521">
        <v>15</v>
      </c>
      <c r="L13" s="676">
        <v>11</v>
      </c>
      <c r="M13" s="653"/>
      <c r="N13" s="653"/>
      <c r="O13" s="653"/>
      <c r="P13" s="653"/>
      <c r="Q13" s="653"/>
      <c r="R13" s="653"/>
      <c r="S13" s="653"/>
      <c r="T13" s="653"/>
      <c r="U13" s="653"/>
      <c r="V13" s="653"/>
      <c r="W13" s="653"/>
      <c r="X13" s="653"/>
      <c r="Y13" s="653"/>
      <c r="Z13" s="653"/>
      <c r="AA13" s="653"/>
      <c r="AB13" s="653"/>
      <c r="AC13" s="653"/>
      <c r="AD13" s="653"/>
      <c r="AE13" s="653"/>
      <c r="AF13" s="653"/>
      <c r="AG13" s="653"/>
      <c r="AH13" s="653"/>
      <c r="AI13" s="653"/>
      <c r="AJ13" s="653"/>
      <c r="AK13" s="653"/>
      <c r="AL13" s="653"/>
      <c r="AM13" s="628"/>
    </row>
    <row r="14" spans="1:39" ht="18" customHeight="1" x14ac:dyDescent="0.15">
      <c r="A14" s="677">
        <v>9</v>
      </c>
      <c r="B14" s="650" t="s">
        <v>211</v>
      </c>
      <c r="C14" s="521">
        <v>2275</v>
      </c>
      <c r="D14" s="651">
        <v>3</v>
      </c>
      <c r="E14" s="521">
        <v>802</v>
      </c>
      <c r="F14" s="651">
        <v>24</v>
      </c>
      <c r="G14" s="521">
        <v>164</v>
      </c>
      <c r="H14" s="651">
        <v>25</v>
      </c>
      <c r="I14" s="521">
        <v>38134</v>
      </c>
      <c r="J14" s="651">
        <v>15</v>
      </c>
      <c r="K14" s="521">
        <v>0</v>
      </c>
      <c r="L14" s="676">
        <v>22</v>
      </c>
      <c r="M14" s="653"/>
      <c r="N14" s="653"/>
      <c r="O14" s="653"/>
      <c r="P14" s="653"/>
      <c r="Q14" s="653"/>
      <c r="R14" s="653"/>
      <c r="S14" s="653"/>
      <c r="T14" s="653"/>
      <c r="U14" s="653"/>
      <c r="V14" s="653"/>
      <c r="W14" s="653"/>
      <c r="X14" s="653"/>
      <c r="Y14" s="653"/>
      <c r="Z14" s="653"/>
      <c r="AA14" s="653"/>
      <c r="AB14" s="653"/>
      <c r="AC14" s="653"/>
      <c r="AD14" s="653"/>
      <c r="AE14" s="653"/>
      <c r="AF14" s="653"/>
      <c r="AG14" s="653"/>
      <c r="AH14" s="653"/>
      <c r="AI14" s="653"/>
      <c r="AJ14" s="653"/>
      <c r="AK14" s="653"/>
      <c r="AL14" s="653"/>
      <c r="AM14" s="628"/>
    </row>
    <row r="15" spans="1:39" ht="18" customHeight="1" x14ac:dyDescent="0.15">
      <c r="A15" s="677">
        <v>10</v>
      </c>
      <c r="B15" s="650" t="s">
        <v>209</v>
      </c>
      <c r="C15" s="521">
        <v>2464</v>
      </c>
      <c r="D15" s="651">
        <v>2</v>
      </c>
      <c r="E15" s="521">
        <v>718</v>
      </c>
      <c r="F15" s="651">
        <v>26</v>
      </c>
      <c r="G15" s="521">
        <v>221</v>
      </c>
      <c r="H15" s="651">
        <v>19</v>
      </c>
      <c r="I15" s="521">
        <v>36624</v>
      </c>
      <c r="J15" s="651">
        <v>22</v>
      </c>
      <c r="K15" s="521">
        <v>29</v>
      </c>
      <c r="L15" s="676">
        <v>6</v>
      </c>
      <c r="M15" s="653"/>
      <c r="N15" s="653"/>
      <c r="O15" s="653"/>
      <c r="P15" s="653"/>
      <c r="Q15" s="653"/>
      <c r="R15" s="653"/>
      <c r="S15" s="653"/>
      <c r="T15" s="653"/>
      <c r="U15" s="653"/>
      <c r="V15" s="653"/>
      <c r="W15" s="653"/>
      <c r="X15" s="653"/>
      <c r="Y15" s="653"/>
      <c r="Z15" s="653"/>
      <c r="AA15" s="653"/>
      <c r="AB15" s="653"/>
      <c r="AC15" s="653"/>
      <c r="AD15" s="653"/>
      <c r="AE15" s="653"/>
      <c r="AF15" s="653"/>
      <c r="AG15" s="653"/>
      <c r="AH15" s="653"/>
      <c r="AI15" s="653"/>
      <c r="AJ15" s="653"/>
      <c r="AK15" s="653"/>
      <c r="AL15" s="653"/>
      <c r="AM15" s="628"/>
    </row>
    <row r="16" spans="1:39" ht="18" customHeight="1" x14ac:dyDescent="0.15">
      <c r="A16" s="677">
        <v>11</v>
      </c>
      <c r="B16" s="650" t="s">
        <v>207</v>
      </c>
      <c r="C16" s="521">
        <v>2202</v>
      </c>
      <c r="D16" s="651">
        <v>7</v>
      </c>
      <c r="E16" s="521">
        <v>496</v>
      </c>
      <c r="F16" s="651">
        <v>32</v>
      </c>
      <c r="G16" s="521">
        <v>247</v>
      </c>
      <c r="H16" s="651">
        <v>16</v>
      </c>
      <c r="I16" s="521">
        <v>37434</v>
      </c>
      <c r="J16" s="651">
        <v>18</v>
      </c>
      <c r="K16" s="521">
        <v>2</v>
      </c>
      <c r="L16" s="676">
        <v>17</v>
      </c>
      <c r="M16" s="653"/>
      <c r="N16" s="653"/>
      <c r="O16" s="653"/>
      <c r="P16" s="653"/>
      <c r="Q16" s="653"/>
      <c r="R16" s="653"/>
      <c r="S16" s="653"/>
      <c r="T16" s="653"/>
      <c r="U16" s="653"/>
      <c r="V16" s="653"/>
      <c r="W16" s="653"/>
      <c r="X16" s="653"/>
      <c r="Y16" s="653"/>
      <c r="Z16" s="653"/>
      <c r="AA16" s="653"/>
      <c r="AB16" s="653"/>
      <c r="AC16" s="653"/>
      <c r="AD16" s="653"/>
      <c r="AE16" s="653"/>
      <c r="AF16" s="653"/>
      <c r="AG16" s="653"/>
      <c r="AH16" s="653"/>
      <c r="AI16" s="653"/>
      <c r="AJ16" s="653"/>
      <c r="AK16" s="653"/>
      <c r="AL16" s="653"/>
      <c r="AM16" s="628"/>
    </row>
    <row r="17" spans="1:39" ht="18" customHeight="1" x14ac:dyDescent="0.15">
      <c r="A17" s="677">
        <v>12</v>
      </c>
      <c r="B17" s="650" t="s">
        <v>205</v>
      </c>
      <c r="C17" s="521">
        <v>1582</v>
      </c>
      <c r="D17" s="651">
        <v>18</v>
      </c>
      <c r="E17" s="521">
        <v>835</v>
      </c>
      <c r="F17" s="651">
        <v>21</v>
      </c>
      <c r="G17" s="521">
        <v>144</v>
      </c>
      <c r="H17" s="651">
        <v>26</v>
      </c>
      <c r="I17" s="521">
        <v>36957</v>
      </c>
      <c r="J17" s="651">
        <v>20</v>
      </c>
      <c r="K17" s="521">
        <v>19</v>
      </c>
      <c r="L17" s="676">
        <v>9</v>
      </c>
      <c r="M17" s="653"/>
      <c r="N17" s="653"/>
      <c r="O17" s="653"/>
      <c r="P17" s="653"/>
      <c r="Q17" s="653"/>
      <c r="R17" s="653"/>
      <c r="S17" s="653"/>
      <c r="T17" s="653"/>
      <c r="U17" s="653"/>
      <c r="V17" s="653"/>
      <c r="W17" s="653"/>
      <c r="X17" s="653"/>
      <c r="Y17" s="653"/>
      <c r="Z17" s="653"/>
      <c r="AA17" s="653"/>
      <c r="AB17" s="653"/>
      <c r="AC17" s="653"/>
      <c r="AD17" s="653"/>
      <c r="AE17" s="653"/>
      <c r="AF17" s="653"/>
      <c r="AG17" s="653"/>
      <c r="AH17" s="653"/>
      <c r="AI17" s="653"/>
      <c r="AJ17" s="653"/>
      <c r="AK17" s="653"/>
      <c r="AL17" s="653"/>
      <c r="AM17" s="628"/>
    </row>
    <row r="18" spans="1:39" ht="18" customHeight="1" x14ac:dyDescent="0.15">
      <c r="A18" s="677">
        <v>13</v>
      </c>
      <c r="B18" s="650" t="s">
        <v>203</v>
      </c>
      <c r="C18" s="521">
        <v>1445</v>
      </c>
      <c r="D18" s="651">
        <v>22</v>
      </c>
      <c r="E18" s="521">
        <v>903</v>
      </c>
      <c r="F18" s="651">
        <v>17</v>
      </c>
      <c r="G18" s="521">
        <v>299</v>
      </c>
      <c r="H18" s="651">
        <v>9</v>
      </c>
      <c r="I18" s="521">
        <v>35995</v>
      </c>
      <c r="J18" s="651">
        <v>26</v>
      </c>
      <c r="K18" s="521">
        <v>44</v>
      </c>
      <c r="L18" s="676">
        <v>3</v>
      </c>
      <c r="M18" s="653"/>
      <c r="N18" s="653"/>
      <c r="O18" s="653"/>
      <c r="P18" s="653"/>
      <c r="Q18" s="653"/>
      <c r="R18" s="653"/>
      <c r="S18" s="653"/>
      <c r="T18" s="653"/>
      <c r="U18" s="653"/>
      <c r="V18" s="653"/>
      <c r="W18" s="653"/>
      <c r="X18" s="653"/>
      <c r="Y18" s="653"/>
      <c r="Z18" s="653"/>
      <c r="AA18" s="653"/>
      <c r="AB18" s="653"/>
      <c r="AC18" s="653"/>
      <c r="AD18" s="653"/>
      <c r="AE18" s="653"/>
      <c r="AF18" s="653"/>
      <c r="AG18" s="653"/>
      <c r="AH18" s="653"/>
      <c r="AI18" s="653"/>
      <c r="AJ18" s="653"/>
      <c r="AK18" s="653"/>
      <c r="AL18" s="653"/>
      <c r="AM18" s="628"/>
    </row>
    <row r="19" spans="1:39" ht="18" customHeight="1" x14ac:dyDescent="0.15">
      <c r="A19" s="677">
        <v>14</v>
      </c>
      <c r="B19" s="650" t="s">
        <v>201</v>
      </c>
      <c r="C19" s="521">
        <v>2517</v>
      </c>
      <c r="D19" s="651">
        <v>1</v>
      </c>
      <c r="E19" s="521">
        <v>857</v>
      </c>
      <c r="F19" s="651">
        <v>19</v>
      </c>
      <c r="G19" s="521">
        <v>185</v>
      </c>
      <c r="H19" s="651">
        <v>24</v>
      </c>
      <c r="I19" s="521">
        <v>36525</v>
      </c>
      <c r="J19" s="651">
        <v>24</v>
      </c>
      <c r="K19" s="521">
        <v>1</v>
      </c>
      <c r="L19" s="676">
        <v>18</v>
      </c>
      <c r="M19" s="653"/>
      <c r="N19" s="653"/>
      <c r="O19" s="653"/>
      <c r="P19" s="653"/>
      <c r="Q19" s="653"/>
      <c r="R19" s="653"/>
      <c r="S19" s="653"/>
      <c r="T19" s="653"/>
      <c r="U19" s="653"/>
      <c r="V19" s="653"/>
      <c r="W19" s="653"/>
      <c r="X19" s="653"/>
      <c r="Y19" s="653"/>
      <c r="Z19" s="653"/>
      <c r="AA19" s="653"/>
      <c r="AB19" s="653"/>
      <c r="AC19" s="653"/>
      <c r="AD19" s="653"/>
      <c r="AE19" s="653"/>
      <c r="AF19" s="653"/>
      <c r="AG19" s="653"/>
      <c r="AH19" s="653"/>
      <c r="AI19" s="653"/>
      <c r="AJ19" s="653"/>
      <c r="AK19" s="653"/>
      <c r="AL19" s="653"/>
      <c r="AM19" s="628"/>
    </row>
    <row r="20" spans="1:39" ht="18" customHeight="1" x14ac:dyDescent="0.15">
      <c r="A20" s="677">
        <v>15</v>
      </c>
      <c r="B20" s="650" t="s">
        <v>199</v>
      </c>
      <c r="C20" s="521">
        <v>1701</v>
      </c>
      <c r="D20" s="651">
        <v>14</v>
      </c>
      <c r="E20" s="521">
        <v>953</v>
      </c>
      <c r="F20" s="651">
        <v>14</v>
      </c>
      <c r="G20" s="521">
        <v>229</v>
      </c>
      <c r="H20" s="651">
        <v>18</v>
      </c>
      <c r="I20" s="521">
        <v>40489</v>
      </c>
      <c r="J20" s="651">
        <v>9</v>
      </c>
      <c r="K20" s="521">
        <v>4</v>
      </c>
      <c r="L20" s="676">
        <v>15</v>
      </c>
      <c r="M20" s="653"/>
      <c r="N20" s="653"/>
      <c r="O20" s="653"/>
      <c r="P20" s="653"/>
      <c r="Q20" s="653"/>
      <c r="R20" s="653"/>
      <c r="S20" s="653"/>
      <c r="T20" s="653"/>
      <c r="U20" s="653"/>
      <c r="V20" s="653"/>
      <c r="W20" s="653"/>
      <c r="X20" s="653"/>
      <c r="Y20" s="653"/>
      <c r="Z20" s="653"/>
      <c r="AA20" s="653"/>
      <c r="AB20" s="653"/>
      <c r="AC20" s="653"/>
      <c r="AD20" s="653"/>
      <c r="AE20" s="653"/>
      <c r="AF20" s="653"/>
      <c r="AG20" s="653"/>
      <c r="AH20" s="653"/>
      <c r="AI20" s="653"/>
      <c r="AJ20" s="653"/>
      <c r="AK20" s="653"/>
      <c r="AL20" s="653"/>
      <c r="AM20" s="628"/>
    </row>
    <row r="21" spans="1:39" ht="18" customHeight="1" x14ac:dyDescent="0.15">
      <c r="A21" s="677">
        <v>16</v>
      </c>
      <c r="B21" s="650" t="s">
        <v>197</v>
      </c>
      <c r="C21" s="521">
        <v>1473</v>
      </c>
      <c r="D21" s="651">
        <v>20</v>
      </c>
      <c r="E21" s="521">
        <v>950</v>
      </c>
      <c r="F21" s="651">
        <v>15</v>
      </c>
      <c r="G21" s="521">
        <v>398</v>
      </c>
      <c r="H21" s="651">
        <v>3</v>
      </c>
      <c r="I21" s="521">
        <v>36938</v>
      </c>
      <c r="J21" s="651">
        <v>21</v>
      </c>
      <c r="K21" s="521">
        <v>1</v>
      </c>
      <c r="L21" s="676">
        <v>18</v>
      </c>
      <c r="M21" s="653"/>
      <c r="N21" s="653"/>
      <c r="O21" s="653"/>
      <c r="P21" s="653"/>
      <c r="Q21" s="653"/>
      <c r="R21" s="653"/>
      <c r="S21" s="653"/>
      <c r="T21" s="653"/>
      <c r="U21" s="653"/>
      <c r="V21" s="653"/>
      <c r="W21" s="653"/>
      <c r="X21" s="653"/>
      <c r="Y21" s="653"/>
      <c r="Z21" s="653"/>
      <c r="AA21" s="653"/>
      <c r="AB21" s="653"/>
      <c r="AC21" s="653"/>
      <c r="AD21" s="653"/>
      <c r="AE21" s="653"/>
      <c r="AF21" s="653"/>
      <c r="AG21" s="653"/>
      <c r="AH21" s="653"/>
      <c r="AI21" s="653"/>
      <c r="AJ21" s="653"/>
      <c r="AK21" s="653"/>
      <c r="AL21" s="653"/>
      <c r="AM21" s="628"/>
    </row>
    <row r="22" spans="1:39" ht="18" customHeight="1" x14ac:dyDescent="0.15">
      <c r="A22" s="677">
        <v>17</v>
      </c>
      <c r="B22" s="650" t="s">
        <v>195</v>
      </c>
      <c r="C22" s="521">
        <v>1776</v>
      </c>
      <c r="D22" s="651">
        <v>12</v>
      </c>
      <c r="E22" s="521">
        <v>767</v>
      </c>
      <c r="F22" s="651">
        <v>25</v>
      </c>
      <c r="G22" s="521">
        <v>92</v>
      </c>
      <c r="H22" s="651">
        <v>29</v>
      </c>
      <c r="I22" s="521">
        <v>35021</v>
      </c>
      <c r="J22" s="651">
        <v>28</v>
      </c>
      <c r="K22" s="521">
        <v>32</v>
      </c>
      <c r="L22" s="676">
        <v>5</v>
      </c>
      <c r="M22" s="653"/>
      <c r="N22" s="653"/>
      <c r="O22" s="653"/>
      <c r="P22" s="653"/>
      <c r="Q22" s="653"/>
      <c r="R22" s="653"/>
      <c r="S22" s="653"/>
      <c r="T22" s="653"/>
      <c r="U22" s="653"/>
      <c r="V22" s="653"/>
      <c r="W22" s="653"/>
      <c r="X22" s="653"/>
      <c r="Y22" s="653"/>
      <c r="Z22" s="653"/>
      <c r="AA22" s="653"/>
      <c r="AB22" s="653"/>
      <c r="AC22" s="653"/>
      <c r="AD22" s="653"/>
      <c r="AE22" s="653"/>
      <c r="AF22" s="653"/>
      <c r="AG22" s="653"/>
      <c r="AH22" s="653"/>
      <c r="AI22" s="653"/>
      <c r="AJ22" s="653"/>
      <c r="AK22" s="653"/>
      <c r="AL22" s="653"/>
      <c r="AM22" s="628"/>
    </row>
    <row r="23" spans="1:39" ht="18" customHeight="1" x14ac:dyDescent="0.15">
      <c r="A23" s="677">
        <v>18</v>
      </c>
      <c r="B23" s="650" t="s">
        <v>193</v>
      </c>
      <c r="C23" s="521">
        <v>1554</v>
      </c>
      <c r="D23" s="651">
        <v>19</v>
      </c>
      <c r="E23" s="521">
        <v>1442</v>
      </c>
      <c r="F23" s="651">
        <v>2</v>
      </c>
      <c r="G23" s="521">
        <v>112</v>
      </c>
      <c r="H23" s="651">
        <v>27</v>
      </c>
      <c r="I23" s="521">
        <v>39532</v>
      </c>
      <c r="J23" s="651">
        <v>13</v>
      </c>
      <c r="K23" s="521">
        <v>5</v>
      </c>
      <c r="L23" s="676">
        <v>14</v>
      </c>
      <c r="M23" s="653"/>
      <c r="N23" s="653"/>
      <c r="O23" s="653"/>
      <c r="P23" s="653"/>
      <c r="Q23" s="653"/>
      <c r="R23" s="653"/>
      <c r="S23" s="653"/>
      <c r="T23" s="653"/>
      <c r="U23" s="653"/>
      <c r="V23" s="653"/>
      <c r="W23" s="653"/>
      <c r="X23" s="653"/>
      <c r="Y23" s="653"/>
      <c r="Z23" s="653"/>
      <c r="AA23" s="653"/>
      <c r="AB23" s="653"/>
      <c r="AC23" s="653"/>
      <c r="AD23" s="653"/>
      <c r="AE23" s="653"/>
      <c r="AF23" s="653"/>
      <c r="AG23" s="653"/>
      <c r="AH23" s="653"/>
      <c r="AI23" s="653"/>
      <c r="AJ23" s="653"/>
      <c r="AK23" s="653"/>
      <c r="AL23" s="653"/>
      <c r="AM23" s="628"/>
    </row>
    <row r="24" spans="1:39" ht="18" customHeight="1" x14ac:dyDescent="0.15">
      <c r="A24" s="677">
        <v>19</v>
      </c>
      <c r="B24" s="650" t="s">
        <v>191</v>
      </c>
      <c r="C24" s="521">
        <v>1358</v>
      </c>
      <c r="D24" s="651">
        <v>24</v>
      </c>
      <c r="E24" s="521">
        <v>914</v>
      </c>
      <c r="F24" s="651">
        <v>16</v>
      </c>
      <c r="G24" s="521">
        <v>466</v>
      </c>
      <c r="H24" s="651">
        <v>1</v>
      </c>
      <c r="I24" s="521">
        <v>30506</v>
      </c>
      <c r="J24" s="651">
        <v>32</v>
      </c>
      <c r="K24" s="521">
        <v>11</v>
      </c>
      <c r="L24" s="676">
        <v>12</v>
      </c>
      <c r="M24" s="653"/>
      <c r="N24" s="653"/>
      <c r="O24" s="653"/>
      <c r="P24" s="653"/>
      <c r="Q24" s="653"/>
      <c r="R24" s="653"/>
      <c r="S24" s="653"/>
      <c r="T24" s="653"/>
      <c r="U24" s="653"/>
      <c r="V24" s="653"/>
      <c r="W24" s="653"/>
      <c r="X24" s="653"/>
      <c r="Y24" s="653"/>
      <c r="Z24" s="653"/>
      <c r="AA24" s="653"/>
      <c r="AB24" s="653"/>
      <c r="AC24" s="653"/>
      <c r="AD24" s="653"/>
      <c r="AE24" s="653"/>
      <c r="AF24" s="653"/>
      <c r="AG24" s="653"/>
      <c r="AH24" s="653"/>
      <c r="AI24" s="653"/>
      <c r="AJ24" s="653"/>
      <c r="AK24" s="653"/>
      <c r="AL24" s="653"/>
      <c r="AM24" s="628"/>
    </row>
    <row r="25" spans="1:39" ht="18" customHeight="1" x14ac:dyDescent="0.15">
      <c r="A25" s="677">
        <v>20</v>
      </c>
      <c r="B25" s="650" t="s">
        <v>188</v>
      </c>
      <c r="C25" s="521">
        <v>1608</v>
      </c>
      <c r="D25" s="651">
        <v>17</v>
      </c>
      <c r="E25" s="521">
        <v>1004</v>
      </c>
      <c r="F25" s="651">
        <v>10</v>
      </c>
      <c r="G25" s="521">
        <v>253</v>
      </c>
      <c r="H25" s="651">
        <v>15</v>
      </c>
      <c r="I25" s="521">
        <v>38225</v>
      </c>
      <c r="J25" s="651">
        <v>14</v>
      </c>
      <c r="K25" s="521">
        <v>0</v>
      </c>
      <c r="L25" s="676">
        <v>22</v>
      </c>
      <c r="M25" s="653"/>
      <c r="N25" s="653"/>
      <c r="O25" s="653"/>
      <c r="P25" s="653"/>
      <c r="Q25" s="653"/>
      <c r="R25" s="653"/>
      <c r="S25" s="653"/>
      <c r="T25" s="653"/>
      <c r="U25" s="653"/>
      <c r="V25" s="653"/>
      <c r="W25" s="653"/>
      <c r="X25" s="653"/>
      <c r="Y25" s="653"/>
      <c r="Z25" s="653"/>
      <c r="AA25" s="653"/>
      <c r="AB25" s="653"/>
      <c r="AC25" s="653"/>
      <c r="AD25" s="653"/>
      <c r="AE25" s="653"/>
      <c r="AF25" s="653"/>
      <c r="AG25" s="653"/>
      <c r="AH25" s="653"/>
      <c r="AI25" s="653"/>
      <c r="AJ25" s="653"/>
      <c r="AK25" s="653"/>
      <c r="AL25" s="653"/>
      <c r="AM25" s="628"/>
    </row>
    <row r="26" spans="1:39" ht="18" customHeight="1" x14ac:dyDescent="0.15">
      <c r="A26" s="677">
        <v>21</v>
      </c>
      <c r="B26" s="650" t="s">
        <v>186</v>
      </c>
      <c r="C26" s="521">
        <v>2138</v>
      </c>
      <c r="D26" s="651">
        <v>9</v>
      </c>
      <c r="E26" s="521">
        <v>582</v>
      </c>
      <c r="F26" s="651">
        <v>29</v>
      </c>
      <c r="G26" s="521">
        <v>191</v>
      </c>
      <c r="H26" s="651">
        <v>23</v>
      </c>
      <c r="I26" s="521">
        <v>37614</v>
      </c>
      <c r="J26" s="651">
        <v>17</v>
      </c>
      <c r="K26" s="521">
        <v>35</v>
      </c>
      <c r="L26" s="676">
        <v>4</v>
      </c>
      <c r="M26" s="653"/>
      <c r="N26" s="653"/>
      <c r="O26" s="653"/>
      <c r="P26" s="653"/>
      <c r="Q26" s="653"/>
      <c r="R26" s="653"/>
      <c r="S26" s="653"/>
      <c r="T26" s="653"/>
      <c r="U26" s="653"/>
      <c r="V26" s="653"/>
      <c r="W26" s="653"/>
      <c r="X26" s="653"/>
      <c r="Y26" s="653"/>
      <c r="Z26" s="653"/>
      <c r="AA26" s="653"/>
      <c r="AB26" s="653"/>
      <c r="AC26" s="653"/>
      <c r="AD26" s="653"/>
      <c r="AE26" s="653"/>
      <c r="AF26" s="653"/>
      <c r="AG26" s="653"/>
      <c r="AH26" s="653"/>
      <c r="AI26" s="653"/>
      <c r="AJ26" s="653"/>
      <c r="AK26" s="653"/>
      <c r="AL26" s="653"/>
      <c r="AM26" s="628"/>
    </row>
    <row r="27" spans="1:39" ht="18" customHeight="1" x14ac:dyDescent="0.15">
      <c r="A27" s="677">
        <v>22</v>
      </c>
      <c r="B27" s="650" t="s">
        <v>184</v>
      </c>
      <c r="C27" s="521">
        <v>1194</v>
      </c>
      <c r="D27" s="651">
        <v>28</v>
      </c>
      <c r="E27" s="521">
        <v>829</v>
      </c>
      <c r="F27" s="651">
        <v>22</v>
      </c>
      <c r="G27" s="521">
        <v>386</v>
      </c>
      <c r="H27" s="651">
        <v>5</v>
      </c>
      <c r="I27" s="521">
        <v>41120</v>
      </c>
      <c r="J27" s="651">
        <v>7</v>
      </c>
      <c r="K27" s="521">
        <v>23</v>
      </c>
      <c r="L27" s="676">
        <v>7</v>
      </c>
      <c r="M27" s="653"/>
      <c r="N27" s="653"/>
      <c r="O27" s="653"/>
      <c r="P27" s="653"/>
      <c r="Q27" s="653"/>
      <c r="R27" s="653"/>
      <c r="S27" s="653"/>
      <c r="T27" s="653"/>
      <c r="U27" s="653"/>
      <c r="V27" s="653"/>
      <c r="W27" s="653"/>
      <c r="X27" s="653"/>
      <c r="Y27" s="653"/>
      <c r="Z27" s="653"/>
      <c r="AA27" s="653"/>
      <c r="AB27" s="653"/>
      <c r="AC27" s="653"/>
      <c r="AD27" s="653"/>
      <c r="AE27" s="653"/>
      <c r="AF27" s="653"/>
      <c r="AG27" s="653"/>
      <c r="AH27" s="653"/>
      <c r="AI27" s="653"/>
      <c r="AJ27" s="653"/>
      <c r="AK27" s="653"/>
      <c r="AL27" s="653"/>
      <c r="AM27" s="628"/>
    </row>
    <row r="28" spans="1:39" ht="18" customHeight="1" x14ac:dyDescent="0.15">
      <c r="A28" s="677">
        <v>23</v>
      </c>
      <c r="B28" s="650" t="s">
        <v>182</v>
      </c>
      <c r="C28" s="521">
        <v>916</v>
      </c>
      <c r="D28" s="651">
        <v>31</v>
      </c>
      <c r="E28" s="521">
        <v>1250</v>
      </c>
      <c r="F28" s="651">
        <v>4</v>
      </c>
      <c r="G28" s="521">
        <v>364</v>
      </c>
      <c r="H28" s="651">
        <v>7</v>
      </c>
      <c r="I28" s="521">
        <v>35641</v>
      </c>
      <c r="J28" s="651">
        <v>27</v>
      </c>
      <c r="K28" s="521">
        <v>0</v>
      </c>
      <c r="L28" s="676">
        <v>22</v>
      </c>
      <c r="M28" s="653"/>
      <c r="N28" s="653"/>
      <c r="O28" s="653"/>
      <c r="P28" s="653"/>
      <c r="Q28" s="653"/>
      <c r="R28" s="653"/>
      <c r="S28" s="653"/>
      <c r="T28" s="653"/>
      <c r="U28" s="653"/>
      <c r="V28" s="653"/>
      <c r="W28" s="653"/>
      <c r="X28" s="653"/>
      <c r="Y28" s="653"/>
      <c r="Z28" s="653"/>
      <c r="AA28" s="653"/>
      <c r="AB28" s="653"/>
      <c r="AC28" s="653"/>
      <c r="AD28" s="653"/>
      <c r="AE28" s="653"/>
      <c r="AF28" s="653"/>
      <c r="AG28" s="653"/>
      <c r="AH28" s="653"/>
      <c r="AI28" s="653"/>
      <c r="AJ28" s="653"/>
      <c r="AK28" s="653"/>
      <c r="AL28" s="653"/>
      <c r="AM28" s="628"/>
    </row>
    <row r="29" spans="1:39" ht="18" customHeight="1" x14ac:dyDescent="0.15">
      <c r="A29" s="677">
        <v>24</v>
      </c>
      <c r="B29" s="650" t="s">
        <v>180</v>
      </c>
      <c r="C29" s="521">
        <v>905</v>
      </c>
      <c r="D29" s="651">
        <v>32</v>
      </c>
      <c r="E29" s="521">
        <v>1090</v>
      </c>
      <c r="F29" s="651">
        <v>8</v>
      </c>
      <c r="G29" s="521">
        <v>34</v>
      </c>
      <c r="H29" s="651">
        <v>32</v>
      </c>
      <c r="I29" s="521">
        <v>39705</v>
      </c>
      <c r="J29" s="651">
        <v>12</v>
      </c>
      <c r="K29" s="521">
        <v>0</v>
      </c>
      <c r="L29" s="676">
        <v>22</v>
      </c>
      <c r="M29" s="653"/>
      <c r="N29" s="653"/>
      <c r="O29" s="653"/>
      <c r="P29" s="653"/>
      <c r="Q29" s="653"/>
      <c r="R29" s="653"/>
      <c r="S29" s="653"/>
      <c r="T29" s="653"/>
      <c r="U29" s="653"/>
      <c r="V29" s="653"/>
      <c r="W29" s="653"/>
      <c r="X29" s="653"/>
      <c r="Y29" s="653"/>
      <c r="Z29" s="653"/>
      <c r="AA29" s="653"/>
      <c r="AB29" s="653"/>
      <c r="AC29" s="653"/>
      <c r="AD29" s="653"/>
      <c r="AE29" s="653"/>
      <c r="AF29" s="653"/>
      <c r="AG29" s="653"/>
      <c r="AH29" s="653"/>
      <c r="AI29" s="653"/>
      <c r="AJ29" s="653"/>
      <c r="AK29" s="653"/>
      <c r="AL29" s="653"/>
      <c r="AM29" s="628"/>
    </row>
    <row r="30" spans="1:39" ht="18" customHeight="1" x14ac:dyDescent="0.15">
      <c r="A30" s="677">
        <v>25</v>
      </c>
      <c r="B30" s="650" t="s">
        <v>178</v>
      </c>
      <c r="C30" s="521">
        <v>1269</v>
      </c>
      <c r="D30" s="651">
        <v>26</v>
      </c>
      <c r="E30" s="521">
        <v>662</v>
      </c>
      <c r="F30" s="651">
        <v>27</v>
      </c>
      <c r="G30" s="521">
        <v>231</v>
      </c>
      <c r="H30" s="651">
        <v>17</v>
      </c>
      <c r="I30" s="521">
        <v>29366</v>
      </c>
      <c r="J30" s="651">
        <v>33</v>
      </c>
      <c r="K30" s="521">
        <v>0</v>
      </c>
      <c r="L30" s="676">
        <v>22</v>
      </c>
      <c r="M30" s="653"/>
      <c r="N30" s="653"/>
      <c r="O30" s="653"/>
      <c r="P30" s="653"/>
      <c r="Q30" s="653"/>
      <c r="R30" s="653"/>
      <c r="S30" s="653"/>
      <c r="T30" s="653"/>
      <c r="U30" s="653"/>
      <c r="V30" s="653"/>
      <c r="W30" s="653"/>
      <c r="X30" s="653"/>
      <c r="Y30" s="653"/>
      <c r="Z30" s="653"/>
      <c r="AA30" s="653"/>
      <c r="AB30" s="653"/>
      <c r="AC30" s="653"/>
      <c r="AD30" s="653"/>
      <c r="AE30" s="653"/>
      <c r="AF30" s="653"/>
      <c r="AG30" s="653"/>
      <c r="AH30" s="653"/>
      <c r="AI30" s="653"/>
      <c r="AJ30" s="653"/>
      <c r="AK30" s="653"/>
      <c r="AL30" s="653"/>
      <c r="AM30" s="628"/>
    </row>
    <row r="31" spans="1:39" ht="18" customHeight="1" x14ac:dyDescent="0.15">
      <c r="A31" s="677">
        <v>26</v>
      </c>
      <c r="B31" s="650" t="s">
        <v>176</v>
      </c>
      <c r="C31" s="521">
        <v>1082</v>
      </c>
      <c r="D31" s="651">
        <v>29</v>
      </c>
      <c r="E31" s="521">
        <v>544</v>
      </c>
      <c r="F31" s="651">
        <v>31</v>
      </c>
      <c r="G31" s="521">
        <v>292</v>
      </c>
      <c r="H31" s="651">
        <v>10</v>
      </c>
      <c r="I31" s="521">
        <v>43592</v>
      </c>
      <c r="J31" s="651">
        <v>3</v>
      </c>
      <c r="K31" s="521">
        <v>0</v>
      </c>
      <c r="L31" s="676">
        <v>22</v>
      </c>
      <c r="M31" s="653"/>
      <c r="N31" s="653"/>
      <c r="O31" s="653"/>
      <c r="P31" s="653"/>
      <c r="Q31" s="653"/>
      <c r="R31" s="653"/>
      <c r="S31" s="653"/>
      <c r="T31" s="653"/>
      <c r="U31" s="653"/>
      <c r="V31" s="653"/>
      <c r="W31" s="653"/>
      <c r="X31" s="653"/>
      <c r="Y31" s="653"/>
      <c r="Z31" s="653"/>
      <c r="AA31" s="653"/>
      <c r="AB31" s="653"/>
      <c r="AC31" s="653"/>
      <c r="AD31" s="653"/>
      <c r="AE31" s="653"/>
      <c r="AF31" s="653"/>
      <c r="AG31" s="653"/>
      <c r="AH31" s="653"/>
      <c r="AI31" s="653"/>
      <c r="AJ31" s="653"/>
      <c r="AK31" s="653"/>
      <c r="AL31" s="653"/>
      <c r="AM31" s="628"/>
    </row>
    <row r="32" spans="1:39" ht="18" customHeight="1" x14ac:dyDescent="0.15">
      <c r="A32" s="677">
        <v>27</v>
      </c>
      <c r="B32" s="650" t="s">
        <v>173</v>
      </c>
      <c r="C32" s="521">
        <v>1282</v>
      </c>
      <c r="D32" s="651">
        <v>25</v>
      </c>
      <c r="E32" s="521">
        <v>1026</v>
      </c>
      <c r="F32" s="651">
        <v>9</v>
      </c>
      <c r="G32" s="521">
        <v>395</v>
      </c>
      <c r="H32" s="651">
        <v>4</v>
      </c>
      <c r="I32" s="521">
        <v>50697</v>
      </c>
      <c r="J32" s="651">
        <v>1</v>
      </c>
      <c r="K32" s="521">
        <v>0</v>
      </c>
      <c r="L32" s="676">
        <v>22</v>
      </c>
      <c r="M32" s="653"/>
      <c r="N32" s="653"/>
      <c r="O32" s="653"/>
      <c r="P32" s="653"/>
      <c r="Q32" s="653"/>
      <c r="R32" s="653"/>
      <c r="S32" s="653"/>
      <c r="T32" s="653"/>
      <c r="U32" s="653"/>
      <c r="V32" s="653"/>
      <c r="W32" s="653"/>
      <c r="X32" s="653"/>
      <c r="Y32" s="653"/>
      <c r="Z32" s="653"/>
      <c r="AA32" s="653"/>
      <c r="AB32" s="653"/>
      <c r="AC32" s="653"/>
      <c r="AD32" s="653"/>
      <c r="AE32" s="653"/>
      <c r="AF32" s="653"/>
      <c r="AG32" s="653"/>
      <c r="AH32" s="653"/>
      <c r="AI32" s="653"/>
      <c r="AJ32" s="653"/>
      <c r="AK32" s="653"/>
      <c r="AL32" s="653"/>
      <c r="AM32" s="628"/>
    </row>
    <row r="33" spans="1:39" ht="18" customHeight="1" x14ac:dyDescent="0.15">
      <c r="A33" s="677">
        <v>28</v>
      </c>
      <c r="B33" s="650" t="s">
        <v>171</v>
      </c>
      <c r="C33" s="521">
        <v>1254</v>
      </c>
      <c r="D33" s="651">
        <v>27</v>
      </c>
      <c r="E33" s="521">
        <v>1136</v>
      </c>
      <c r="F33" s="651">
        <v>6</v>
      </c>
      <c r="G33" s="521">
        <v>81</v>
      </c>
      <c r="H33" s="651">
        <v>31</v>
      </c>
      <c r="I33" s="521">
        <v>40315</v>
      </c>
      <c r="J33" s="651">
        <v>10</v>
      </c>
      <c r="K33" s="521">
        <v>0</v>
      </c>
      <c r="L33" s="676">
        <v>22</v>
      </c>
      <c r="M33" s="653"/>
      <c r="N33" s="653"/>
      <c r="O33" s="653"/>
      <c r="P33" s="653"/>
      <c r="Q33" s="653"/>
      <c r="R33" s="653"/>
      <c r="S33" s="653"/>
      <c r="T33" s="653"/>
      <c r="U33" s="653"/>
      <c r="V33" s="653"/>
      <c r="W33" s="653"/>
      <c r="X33" s="653"/>
      <c r="Y33" s="653"/>
      <c r="Z33" s="653"/>
      <c r="AA33" s="653"/>
      <c r="AB33" s="653"/>
      <c r="AC33" s="653"/>
      <c r="AD33" s="653"/>
      <c r="AE33" s="653"/>
      <c r="AF33" s="653"/>
      <c r="AG33" s="653"/>
      <c r="AH33" s="653"/>
      <c r="AI33" s="653"/>
      <c r="AJ33" s="653"/>
      <c r="AK33" s="653"/>
      <c r="AL33" s="653"/>
      <c r="AM33" s="628"/>
    </row>
    <row r="34" spans="1:39" ht="18" customHeight="1" x14ac:dyDescent="0.15">
      <c r="A34" s="677">
        <v>29</v>
      </c>
      <c r="B34" s="650" t="s">
        <v>169</v>
      </c>
      <c r="C34" s="521">
        <v>1025</v>
      </c>
      <c r="D34" s="651">
        <v>30</v>
      </c>
      <c r="E34" s="521">
        <v>640</v>
      </c>
      <c r="F34" s="651">
        <v>28</v>
      </c>
      <c r="G34" s="521">
        <v>83</v>
      </c>
      <c r="H34" s="651">
        <v>30</v>
      </c>
      <c r="I34" s="521">
        <v>42293</v>
      </c>
      <c r="J34" s="651">
        <v>5</v>
      </c>
      <c r="K34" s="521">
        <v>0</v>
      </c>
      <c r="L34" s="676">
        <v>22</v>
      </c>
      <c r="M34" s="653"/>
      <c r="N34" s="653"/>
      <c r="O34" s="653"/>
      <c r="P34" s="653"/>
      <c r="Q34" s="653"/>
      <c r="R34" s="653"/>
      <c r="S34" s="653"/>
      <c r="T34" s="653"/>
      <c r="U34" s="653"/>
      <c r="V34" s="653"/>
      <c r="W34" s="653"/>
      <c r="X34" s="653"/>
      <c r="Y34" s="653"/>
      <c r="Z34" s="653"/>
      <c r="AA34" s="653"/>
      <c r="AB34" s="653"/>
      <c r="AC34" s="653"/>
      <c r="AD34" s="653"/>
      <c r="AE34" s="653"/>
      <c r="AF34" s="653"/>
      <c r="AG34" s="653"/>
      <c r="AH34" s="653"/>
      <c r="AI34" s="653"/>
      <c r="AJ34" s="653"/>
      <c r="AK34" s="653"/>
      <c r="AL34" s="653"/>
      <c r="AM34" s="628"/>
    </row>
    <row r="35" spans="1:39" ht="18" customHeight="1" x14ac:dyDescent="0.15">
      <c r="A35" s="677">
        <v>30</v>
      </c>
      <c r="B35" s="650" t="s">
        <v>167</v>
      </c>
      <c r="C35" s="521">
        <v>1722</v>
      </c>
      <c r="D35" s="651">
        <v>13</v>
      </c>
      <c r="E35" s="521">
        <v>562</v>
      </c>
      <c r="F35" s="651">
        <v>30</v>
      </c>
      <c r="G35" s="521">
        <v>98</v>
      </c>
      <c r="H35" s="651">
        <v>28</v>
      </c>
      <c r="I35" s="521">
        <v>46169</v>
      </c>
      <c r="J35" s="651">
        <v>2</v>
      </c>
      <c r="K35" s="521">
        <v>0</v>
      </c>
      <c r="L35" s="676">
        <v>22</v>
      </c>
      <c r="M35" s="653"/>
      <c r="N35" s="653"/>
      <c r="O35" s="653"/>
      <c r="P35" s="653"/>
      <c r="Q35" s="653"/>
      <c r="R35" s="653"/>
      <c r="S35" s="653"/>
      <c r="T35" s="653"/>
      <c r="U35" s="653"/>
      <c r="V35" s="653"/>
      <c r="W35" s="653"/>
      <c r="X35" s="653"/>
      <c r="Y35" s="653"/>
      <c r="Z35" s="653"/>
      <c r="AA35" s="653"/>
      <c r="AB35" s="653"/>
      <c r="AC35" s="653"/>
      <c r="AD35" s="653"/>
      <c r="AE35" s="653"/>
      <c r="AF35" s="653"/>
      <c r="AG35" s="653"/>
      <c r="AH35" s="653"/>
      <c r="AI35" s="653"/>
      <c r="AJ35" s="653"/>
      <c r="AK35" s="653"/>
      <c r="AL35" s="653"/>
      <c r="AM35" s="628"/>
    </row>
    <row r="36" spans="1:39" ht="18" customHeight="1" x14ac:dyDescent="0.15">
      <c r="A36" s="677">
        <v>31</v>
      </c>
      <c r="B36" s="650" t="s">
        <v>165</v>
      </c>
      <c r="C36" s="521">
        <v>2212</v>
      </c>
      <c r="D36" s="651">
        <v>5</v>
      </c>
      <c r="E36" s="521">
        <v>1104</v>
      </c>
      <c r="F36" s="651">
        <v>7</v>
      </c>
      <c r="G36" s="521">
        <v>333</v>
      </c>
      <c r="H36" s="651">
        <v>8</v>
      </c>
      <c r="I36" s="521">
        <v>38048</v>
      </c>
      <c r="J36" s="651">
        <v>16</v>
      </c>
      <c r="K36" s="521">
        <v>0</v>
      </c>
      <c r="L36" s="676">
        <v>22</v>
      </c>
      <c r="M36" s="653"/>
      <c r="N36" s="653"/>
      <c r="O36" s="653"/>
      <c r="P36" s="653"/>
      <c r="Q36" s="653"/>
      <c r="R36" s="653"/>
      <c r="S36" s="653"/>
      <c r="T36" s="653"/>
      <c r="U36" s="653"/>
      <c r="V36" s="653"/>
      <c r="W36" s="653"/>
      <c r="X36" s="653"/>
      <c r="Y36" s="653"/>
      <c r="Z36" s="653"/>
      <c r="AA36" s="653"/>
      <c r="AB36" s="653"/>
      <c r="AC36" s="653"/>
      <c r="AD36" s="653"/>
      <c r="AE36" s="653"/>
      <c r="AF36" s="653"/>
      <c r="AG36" s="653"/>
      <c r="AH36" s="653"/>
      <c r="AI36" s="653"/>
      <c r="AJ36" s="653"/>
      <c r="AK36" s="653"/>
      <c r="AL36" s="653"/>
      <c r="AM36" s="628"/>
    </row>
    <row r="37" spans="1:39" ht="18" customHeight="1" x14ac:dyDescent="0.15">
      <c r="A37" s="677">
        <v>32</v>
      </c>
      <c r="B37" s="650" t="s">
        <v>162</v>
      </c>
      <c r="C37" s="521">
        <v>1402</v>
      </c>
      <c r="D37" s="651">
        <v>23</v>
      </c>
      <c r="E37" s="521">
        <v>1569</v>
      </c>
      <c r="F37" s="651">
        <v>1</v>
      </c>
      <c r="G37" s="521">
        <v>423</v>
      </c>
      <c r="H37" s="651">
        <v>2</v>
      </c>
      <c r="I37" s="521">
        <v>41440</v>
      </c>
      <c r="J37" s="651">
        <v>6</v>
      </c>
      <c r="K37" s="521">
        <v>6</v>
      </c>
      <c r="L37" s="676">
        <v>13</v>
      </c>
      <c r="M37" s="653"/>
      <c r="N37" s="653"/>
      <c r="O37" s="653"/>
      <c r="P37" s="653"/>
      <c r="Q37" s="653"/>
      <c r="R37" s="653"/>
      <c r="S37" s="653"/>
      <c r="T37" s="653"/>
      <c r="U37" s="653"/>
      <c r="V37" s="653"/>
      <c r="W37" s="653"/>
      <c r="X37" s="653"/>
      <c r="Y37" s="653"/>
      <c r="Z37" s="653"/>
      <c r="AA37" s="653"/>
      <c r="AB37" s="653"/>
      <c r="AC37" s="653"/>
      <c r="AD37" s="653"/>
      <c r="AE37" s="653"/>
      <c r="AF37" s="653"/>
      <c r="AG37" s="653"/>
      <c r="AH37" s="653"/>
      <c r="AI37" s="653"/>
      <c r="AJ37" s="653"/>
      <c r="AK37" s="653"/>
      <c r="AL37" s="653"/>
      <c r="AM37" s="628"/>
    </row>
    <row r="38" spans="1:39" ht="18" customHeight="1" x14ac:dyDescent="0.15">
      <c r="A38" s="677">
        <v>33</v>
      </c>
      <c r="B38" s="650" t="s">
        <v>159</v>
      </c>
      <c r="C38" s="521">
        <v>549</v>
      </c>
      <c r="D38" s="651">
        <v>33</v>
      </c>
      <c r="E38" s="521">
        <v>126</v>
      </c>
      <c r="F38" s="651">
        <v>33</v>
      </c>
      <c r="G38" s="521">
        <v>27</v>
      </c>
      <c r="H38" s="651">
        <v>33</v>
      </c>
      <c r="I38" s="521">
        <v>40551</v>
      </c>
      <c r="J38" s="651">
        <v>8</v>
      </c>
      <c r="K38" s="521">
        <v>0</v>
      </c>
      <c r="L38" s="676">
        <v>22</v>
      </c>
      <c r="M38" s="653"/>
      <c r="N38" s="653"/>
      <c r="O38" s="653"/>
      <c r="P38" s="653"/>
      <c r="Q38" s="653"/>
      <c r="R38" s="653"/>
      <c r="S38" s="653"/>
      <c r="T38" s="653"/>
      <c r="U38" s="653"/>
      <c r="V38" s="653"/>
      <c r="W38" s="653"/>
      <c r="X38" s="653"/>
      <c r="Y38" s="653"/>
      <c r="Z38" s="653"/>
      <c r="AA38" s="653"/>
      <c r="AB38" s="653"/>
      <c r="AC38" s="653"/>
      <c r="AD38" s="653"/>
      <c r="AE38" s="653"/>
      <c r="AF38" s="653"/>
      <c r="AG38" s="653"/>
      <c r="AH38" s="653"/>
      <c r="AI38" s="653"/>
      <c r="AJ38" s="653"/>
      <c r="AK38" s="653"/>
      <c r="AL38" s="653"/>
      <c r="AM38" s="628"/>
    </row>
    <row r="39" spans="1:39" ht="18" customHeight="1" x14ac:dyDescent="0.15">
      <c r="A39" s="677">
        <v>301</v>
      </c>
      <c r="B39" s="678" t="s">
        <v>259</v>
      </c>
      <c r="C39" s="521">
        <v>1025</v>
      </c>
      <c r="D39" s="651">
        <v>6</v>
      </c>
      <c r="E39" s="521">
        <v>63</v>
      </c>
      <c r="F39" s="651">
        <v>4</v>
      </c>
      <c r="G39" s="521">
        <v>27</v>
      </c>
      <c r="H39" s="651">
        <v>4</v>
      </c>
      <c r="I39" s="521">
        <v>11160</v>
      </c>
      <c r="J39" s="651">
        <v>4</v>
      </c>
      <c r="K39" s="521">
        <v>0</v>
      </c>
      <c r="L39" s="656">
        <v>2</v>
      </c>
      <c r="M39" s="653"/>
      <c r="N39" s="653"/>
      <c r="O39" s="653"/>
      <c r="P39" s="653"/>
      <c r="Q39" s="653"/>
      <c r="R39" s="653"/>
      <c r="S39" s="653"/>
      <c r="T39" s="653"/>
      <c r="U39" s="653"/>
      <c r="V39" s="653"/>
      <c r="W39" s="653"/>
      <c r="X39" s="653"/>
      <c r="Y39" s="653"/>
      <c r="Z39" s="653"/>
      <c r="AA39" s="653"/>
      <c r="AB39" s="653"/>
      <c r="AC39" s="653"/>
      <c r="AD39" s="653"/>
      <c r="AE39" s="653"/>
      <c r="AF39" s="653"/>
      <c r="AG39" s="653"/>
      <c r="AH39" s="653"/>
      <c r="AI39" s="653"/>
      <c r="AJ39" s="653"/>
      <c r="AK39" s="653"/>
      <c r="AL39" s="653"/>
      <c r="AM39" s="628"/>
    </row>
    <row r="40" spans="1:39" ht="18" customHeight="1" x14ac:dyDescent="0.15">
      <c r="A40" s="677">
        <v>302</v>
      </c>
      <c r="B40" s="678" t="s">
        <v>257</v>
      </c>
      <c r="C40" s="521">
        <v>2100</v>
      </c>
      <c r="D40" s="651">
        <v>3</v>
      </c>
      <c r="E40" s="521">
        <v>0</v>
      </c>
      <c r="F40" s="651">
        <v>5</v>
      </c>
      <c r="G40" s="521">
        <v>0</v>
      </c>
      <c r="H40" s="651">
        <v>5</v>
      </c>
      <c r="I40" s="521">
        <v>10010</v>
      </c>
      <c r="J40" s="651">
        <v>5</v>
      </c>
      <c r="K40" s="521">
        <v>0</v>
      </c>
      <c r="L40" s="656">
        <v>2</v>
      </c>
      <c r="M40" s="653"/>
      <c r="N40" s="653"/>
      <c r="O40" s="653"/>
      <c r="P40" s="653"/>
      <c r="Q40" s="653"/>
      <c r="R40" s="653"/>
      <c r="S40" s="653"/>
      <c r="T40" s="653"/>
      <c r="U40" s="653"/>
      <c r="V40" s="653"/>
      <c r="W40" s="653"/>
      <c r="X40" s="653"/>
      <c r="Y40" s="653"/>
      <c r="Z40" s="653"/>
      <c r="AA40" s="653"/>
      <c r="AB40" s="653"/>
      <c r="AC40" s="653"/>
      <c r="AD40" s="653"/>
      <c r="AE40" s="653"/>
      <c r="AF40" s="653"/>
      <c r="AG40" s="653"/>
      <c r="AH40" s="653"/>
      <c r="AI40" s="653"/>
      <c r="AJ40" s="653"/>
      <c r="AK40" s="653"/>
      <c r="AL40" s="653"/>
      <c r="AM40" s="628"/>
    </row>
    <row r="41" spans="1:39" ht="18" customHeight="1" x14ac:dyDescent="0.15">
      <c r="A41" s="677">
        <v>303</v>
      </c>
      <c r="B41" s="678" t="s">
        <v>256</v>
      </c>
      <c r="C41" s="521">
        <v>3403</v>
      </c>
      <c r="D41" s="651">
        <v>1</v>
      </c>
      <c r="E41" s="521">
        <v>295</v>
      </c>
      <c r="F41" s="651">
        <v>1</v>
      </c>
      <c r="G41" s="521">
        <v>116</v>
      </c>
      <c r="H41" s="651">
        <v>2</v>
      </c>
      <c r="I41" s="521">
        <v>20765</v>
      </c>
      <c r="J41" s="651">
        <v>1</v>
      </c>
      <c r="K41" s="521">
        <v>0</v>
      </c>
      <c r="L41" s="656">
        <v>2</v>
      </c>
      <c r="M41" s="653"/>
      <c r="N41" s="653"/>
      <c r="O41" s="653"/>
      <c r="P41" s="653"/>
      <c r="Q41" s="653"/>
      <c r="R41" s="653"/>
      <c r="S41" s="653"/>
      <c r="T41" s="653"/>
      <c r="U41" s="653"/>
      <c r="V41" s="653"/>
      <c r="W41" s="653"/>
      <c r="X41" s="653"/>
      <c r="Y41" s="653"/>
      <c r="Z41" s="653"/>
      <c r="AA41" s="653"/>
      <c r="AB41" s="653"/>
      <c r="AC41" s="653"/>
      <c r="AD41" s="653"/>
      <c r="AE41" s="653"/>
      <c r="AF41" s="653"/>
      <c r="AG41" s="653"/>
      <c r="AH41" s="653"/>
      <c r="AI41" s="653"/>
      <c r="AJ41" s="653"/>
      <c r="AK41" s="653"/>
      <c r="AL41" s="653"/>
      <c r="AM41" s="628"/>
    </row>
    <row r="42" spans="1:39" ht="18" customHeight="1" x14ac:dyDescent="0.15">
      <c r="A42" s="677">
        <v>304</v>
      </c>
      <c r="B42" s="678" t="s">
        <v>253</v>
      </c>
      <c r="C42" s="521">
        <v>1651</v>
      </c>
      <c r="D42" s="651">
        <v>5</v>
      </c>
      <c r="E42" s="521">
        <v>119</v>
      </c>
      <c r="F42" s="651">
        <v>3</v>
      </c>
      <c r="G42" s="521">
        <v>49</v>
      </c>
      <c r="H42" s="651">
        <v>3</v>
      </c>
      <c r="I42" s="521">
        <v>8839</v>
      </c>
      <c r="J42" s="651">
        <v>6</v>
      </c>
      <c r="K42" s="521">
        <v>0</v>
      </c>
      <c r="L42" s="656">
        <v>2</v>
      </c>
      <c r="M42" s="653"/>
      <c r="N42" s="653"/>
      <c r="O42" s="653"/>
      <c r="P42" s="653"/>
      <c r="Q42" s="653"/>
      <c r="R42" s="653"/>
      <c r="S42" s="653"/>
      <c r="T42" s="653"/>
      <c r="U42" s="653"/>
      <c r="V42" s="653"/>
      <c r="W42" s="653"/>
      <c r="X42" s="653"/>
      <c r="Y42" s="653"/>
      <c r="Z42" s="653"/>
      <c r="AA42" s="653"/>
      <c r="AB42" s="653"/>
      <c r="AC42" s="653"/>
      <c r="AD42" s="653"/>
      <c r="AE42" s="653"/>
      <c r="AF42" s="653"/>
      <c r="AG42" s="653"/>
      <c r="AH42" s="653"/>
      <c r="AI42" s="653"/>
      <c r="AJ42" s="653"/>
      <c r="AK42" s="653"/>
      <c r="AL42" s="653"/>
      <c r="AM42" s="628"/>
    </row>
    <row r="43" spans="1:39" ht="18" customHeight="1" x14ac:dyDescent="0.15">
      <c r="A43" s="677">
        <v>305</v>
      </c>
      <c r="B43" s="678" t="s">
        <v>403</v>
      </c>
      <c r="C43" s="521">
        <v>2328</v>
      </c>
      <c r="D43" s="651">
        <v>2</v>
      </c>
      <c r="E43" s="521">
        <v>0</v>
      </c>
      <c r="F43" s="651">
        <v>5</v>
      </c>
      <c r="G43" s="521">
        <v>0</v>
      </c>
      <c r="H43" s="651">
        <v>5</v>
      </c>
      <c r="I43" s="521">
        <v>11546</v>
      </c>
      <c r="J43" s="651">
        <v>3</v>
      </c>
      <c r="K43" s="521">
        <v>0</v>
      </c>
      <c r="L43" s="656">
        <v>2</v>
      </c>
      <c r="M43" s="653"/>
      <c r="N43" s="653"/>
      <c r="O43" s="653"/>
      <c r="P43" s="653"/>
      <c r="Q43" s="653"/>
      <c r="R43" s="653"/>
      <c r="S43" s="653"/>
      <c r="T43" s="653"/>
      <c r="U43" s="653"/>
      <c r="V43" s="653"/>
      <c r="W43" s="653"/>
      <c r="X43" s="653"/>
      <c r="Y43" s="653"/>
      <c r="Z43" s="653"/>
      <c r="AA43" s="653"/>
      <c r="AB43" s="653"/>
      <c r="AC43" s="653"/>
      <c r="AD43" s="653"/>
      <c r="AE43" s="653"/>
      <c r="AF43" s="653"/>
      <c r="AG43" s="653"/>
      <c r="AH43" s="653"/>
      <c r="AI43" s="653"/>
      <c r="AJ43" s="653"/>
      <c r="AK43" s="653"/>
      <c r="AL43" s="653"/>
      <c r="AM43" s="628"/>
    </row>
    <row r="44" spans="1:39" ht="18" customHeight="1" x14ac:dyDescent="0.15">
      <c r="A44" s="677">
        <v>306</v>
      </c>
      <c r="B44" s="678" t="s">
        <v>249</v>
      </c>
      <c r="C44" s="521">
        <v>1960</v>
      </c>
      <c r="D44" s="651">
        <v>4</v>
      </c>
      <c r="E44" s="521">
        <v>233</v>
      </c>
      <c r="F44" s="651">
        <v>2</v>
      </c>
      <c r="G44" s="521">
        <v>154</v>
      </c>
      <c r="H44" s="651">
        <v>1</v>
      </c>
      <c r="I44" s="521">
        <v>14828</v>
      </c>
      <c r="J44" s="651">
        <v>2</v>
      </c>
      <c r="K44" s="521">
        <v>1</v>
      </c>
      <c r="L44" s="656">
        <v>1</v>
      </c>
      <c r="M44" s="653"/>
      <c r="N44" s="653"/>
      <c r="O44" s="653"/>
      <c r="P44" s="653"/>
      <c r="Q44" s="653"/>
      <c r="R44" s="653"/>
      <c r="S44" s="653"/>
      <c r="T44" s="653"/>
      <c r="U44" s="653"/>
      <c r="V44" s="653"/>
      <c r="W44" s="653"/>
      <c r="X44" s="653"/>
      <c r="Y44" s="653"/>
      <c r="Z44" s="653"/>
      <c r="AA44" s="653"/>
      <c r="AB44" s="653"/>
      <c r="AC44" s="653"/>
      <c r="AD44" s="653"/>
      <c r="AE44" s="653"/>
      <c r="AF44" s="653"/>
      <c r="AG44" s="653"/>
      <c r="AH44" s="653"/>
      <c r="AI44" s="653"/>
      <c r="AJ44" s="653"/>
      <c r="AK44" s="653"/>
      <c r="AL44" s="653"/>
      <c r="AM44" s="628"/>
    </row>
    <row r="45" spans="1:39" ht="18" customHeight="1" x14ac:dyDescent="0.15">
      <c r="A45" s="1162" t="s">
        <v>392</v>
      </c>
      <c r="B45" s="1163"/>
      <c r="C45" s="521">
        <v>2062</v>
      </c>
      <c r="D45" s="497" t="s">
        <v>379</v>
      </c>
      <c r="E45" s="521">
        <v>907</v>
      </c>
      <c r="F45" s="497" t="s">
        <v>379</v>
      </c>
      <c r="G45" s="521">
        <v>255</v>
      </c>
      <c r="H45" s="497" t="s">
        <v>330</v>
      </c>
      <c r="I45" s="521">
        <v>37016</v>
      </c>
      <c r="J45" s="497" t="s">
        <v>325</v>
      </c>
      <c r="K45" s="521">
        <v>23</v>
      </c>
      <c r="L45" s="656" t="s">
        <v>326</v>
      </c>
      <c r="M45" s="653"/>
      <c r="N45" s="653"/>
      <c r="O45" s="653"/>
      <c r="P45" s="653"/>
      <c r="Q45" s="653"/>
      <c r="R45" s="653"/>
      <c r="S45" s="653"/>
      <c r="T45" s="653"/>
      <c r="U45" s="653"/>
      <c r="V45" s="653"/>
      <c r="W45" s="653"/>
      <c r="X45" s="653"/>
      <c r="Y45" s="653"/>
      <c r="Z45" s="653"/>
      <c r="AA45" s="653"/>
      <c r="AB45" s="653"/>
      <c r="AC45" s="653"/>
      <c r="AD45" s="653"/>
      <c r="AE45" s="653"/>
      <c r="AF45" s="653"/>
      <c r="AG45" s="653"/>
      <c r="AH45" s="653"/>
      <c r="AI45" s="653"/>
      <c r="AJ45" s="653"/>
      <c r="AK45" s="653"/>
      <c r="AL45" s="653"/>
      <c r="AM45" s="628"/>
    </row>
    <row r="46" spans="1:39" ht="18" customHeight="1" x14ac:dyDescent="0.15">
      <c r="A46" s="1162" t="s">
        <v>402</v>
      </c>
      <c r="B46" s="1163"/>
      <c r="C46" s="521">
        <v>2046</v>
      </c>
      <c r="D46" s="497" t="s">
        <v>379</v>
      </c>
      <c r="E46" s="521">
        <v>177</v>
      </c>
      <c r="F46" s="497" t="s">
        <v>379</v>
      </c>
      <c r="G46" s="521">
        <v>107</v>
      </c>
      <c r="H46" s="497" t="s">
        <v>330</v>
      </c>
      <c r="I46" s="521">
        <v>14112</v>
      </c>
      <c r="J46" s="497" t="s">
        <v>322</v>
      </c>
      <c r="K46" s="521">
        <v>0</v>
      </c>
      <c r="L46" s="656" t="s">
        <v>326</v>
      </c>
      <c r="M46" s="653"/>
      <c r="N46" s="653"/>
      <c r="O46" s="653"/>
      <c r="P46" s="653"/>
      <c r="Q46" s="653"/>
      <c r="R46" s="653"/>
      <c r="S46" s="653"/>
      <c r="T46" s="653"/>
      <c r="U46" s="653"/>
      <c r="V46" s="653"/>
      <c r="W46" s="653"/>
      <c r="X46" s="653"/>
      <c r="Y46" s="653"/>
      <c r="Z46" s="653"/>
      <c r="AA46" s="653"/>
      <c r="AB46" s="653"/>
      <c r="AC46" s="653"/>
      <c r="AD46" s="653"/>
      <c r="AE46" s="653"/>
      <c r="AF46" s="653"/>
      <c r="AG46" s="653"/>
      <c r="AH46" s="653"/>
      <c r="AI46" s="653"/>
      <c r="AJ46" s="653"/>
      <c r="AK46" s="653"/>
      <c r="AL46" s="653"/>
      <c r="AM46" s="628"/>
    </row>
    <row r="47" spans="1:39" ht="18" customHeight="1" thickBot="1" x14ac:dyDescent="0.2">
      <c r="A47" s="1160" t="s">
        <v>390</v>
      </c>
      <c r="B47" s="1161"/>
      <c r="C47" s="515">
        <v>2061</v>
      </c>
      <c r="D47" s="679" t="s">
        <v>379</v>
      </c>
      <c r="E47" s="515">
        <v>857</v>
      </c>
      <c r="F47" s="679" t="s">
        <v>379</v>
      </c>
      <c r="G47" s="515">
        <v>245</v>
      </c>
      <c r="H47" s="679" t="s">
        <v>330</v>
      </c>
      <c r="I47" s="515">
        <v>35434</v>
      </c>
      <c r="J47" s="679" t="s">
        <v>322</v>
      </c>
      <c r="K47" s="515">
        <v>21</v>
      </c>
      <c r="L47" s="680" t="s">
        <v>326</v>
      </c>
      <c r="M47" s="653"/>
      <c r="N47" s="653"/>
      <c r="O47" s="653"/>
      <c r="P47" s="653"/>
      <c r="Q47" s="653"/>
      <c r="R47" s="653"/>
      <c r="S47" s="653"/>
      <c r="T47" s="653"/>
      <c r="U47" s="653"/>
      <c r="V47" s="653"/>
      <c r="W47" s="653"/>
      <c r="X47" s="653"/>
      <c r="Y47" s="653"/>
      <c r="Z47" s="653"/>
      <c r="AA47" s="653"/>
      <c r="AB47" s="653"/>
      <c r="AC47" s="653"/>
      <c r="AD47" s="653"/>
      <c r="AE47" s="653"/>
      <c r="AF47" s="653"/>
      <c r="AG47" s="653"/>
      <c r="AH47" s="653"/>
      <c r="AI47" s="653"/>
      <c r="AJ47" s="653"/>
      <c r="AK47" s="653"/>
      <c r="AL47" s="653"/>
      <c r="AM47" s="628"/>
    </row>
    <row r="48" spans="1:39" ht="15.75" customHeight="1" x14ac:dyDescent="0.15">
      <c r="I48" s="514"/>
    </row>
    <row r="49" spans="1:1" ht="15.75" customHeight="1" x14ac:dyDescent="0.15">
      <c r="A49" s="642"/>
    </row>
  </sheetData>
  <mergeCells count="9">
    <mergeCell ref="K3:L4"/>
    <mergeCell ref="I3:J4"/>
    <mergeCell ref="G3:H4"/>
    <mergeCell ref="E3:F4"/>
    <mergeCell ref="A47:B47"/>
    <mergeCell ref="A45:B45"/>
    <mergeCell ref="A46:B46"/>
    <mergeCell ref="A3:B5"/>
    <mergeCell ref="C3:D4"/>
  </mergeCells>
  <phoneticPr fontId="5"/>
  <printOptions gridLinesSet="0"/>
  <pageMargins left="0.78740157480314965" right="0.59055118110236227" top="0.78740157480314965" bottom="0.59055118110236227" header="0.51181102362204722" footer="0.51181102362204722"/>
  <pageSetup paperSize="9" scale="82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4</vt:i4>
      </vt:variant>
    </vt:vector>
  </HeadingPairs>
  <TitlesOfParts>
    <vt:vector size="23" baseType="lpstr">
      <vt:lpstr>第13表</vt:lpstr>
      <vt:lpstr>第14表</vt:lpstr>
      <vt:lpstr>第15表１～５</vt:lpstr>
      <vt:lpstr>第15表６～８</vt:lpstr>
      <vt:lpstr>第15表9～11</vt:lpstr>
      <vt:lpstr>第16表１～４</vt:lpstr>
      <vt:lpstr>第1７表</vt:lpstr>
      <vt:lpstr>第18表</vt:lpstr>
      <vt:lpstr>第19表</vt:lpstr>
      <vt:lpstr>第13表!Print_Area</vt:lpstr>
      <vt:lpstr>第14表!Print_Area</vt:lpstr>
      <vt:lpstr>'第15表１～５'!Print_Area</vt:lpstr>
      <vt:lpstr>'第15表６～８'!Print_Area</vt:lpstr>
      <vt:lpstr>'第15表9～11'!Print_Area</vt:lpstr>
      <vt:lpstr>'第16表１～４'!Print_Area</vt:lpstr>
      <vt:lpstr>第1７表!Print_Area</vt:lpstr>
      <vt:lpstr>第18表!Print_Area</vt:lpstr>
      <vt:lpstr>第19表!Print_Area</vt:lpstr>
      <vt:lpstr>第13表!Print_Area_MI</vt:lpstr>
      <vt:lpstr>第14表!Print_Area_MI</vt:lpstr>
      <vt:lpstr>第18表!Print_Titles</vt:lpstr>
      <vt:lpstr>第19表!Print_Titles</vt:lpstr>
      <vt:lpstr>第13表!Print_Titles_MI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１４表関係</dc:title>
  <dc:subject>作成資料</dc:subject>
  <dc:creator>国民健康保険課</dc:creator>
  <cp:lastModifiedBy>user</cp:lastModifiedBy>
  <cp:lastPrinted>2022-07-21T04:23:19Z</cp:lastPrinted>
  <dcterms:created xsi:type="dcterms:W3CDTF">2001-01-17T01:52:05Z</dcterms:created>
  <dcterms:modified xsi:type="dcterms:W3CDTF">2022-07-21T06:33:27Z</dcterms:modified>
</cp:coreProperties>
</file>